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6. Robo\44-2025 Monitory vitálnych funkcií\03. Príprava\06. PTK\01. Odoslané\"/>
    </mc:Choice>
  </mc:AlternateContent>
  <bookViews>
    <workbookView xWindow="0" yWindow="0" windowWidth="23040" windowHeight="9195"/>
  </bookViews>
  <sheets>
    <sheet name="Príloha č. 1 - Kalkulácia ceny" sheetId="9" r:id="rId1"/>
  </sheets>
  <definedNames>
    <definedName name="_xlnm.Print_Area" localSheetId="0">'Príloha č. 1 - Kalkulácia ceny'!$A$1:$T$4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R27" i="9" l="1"/>
  <c r="P27" i="9"/>
  <c r="S27" i="9" s="1"/>
  <c r="R26" i="9"/>
  <c r="P26" i="9"/>
  <c r="Q26" i="9" s="1"/>
  <c r="R25" i="9"/>
  <c r="P25" i="9"/>
  <c r="Q25" i="9" s="1"/>
  <c r="R24" i="9"/>
  <c r="P24" i="9"/>
  <c r="Q24" i="9" s="1"/>
  <c r="R23" i="9"/>
  <c r="P23" i="9"/>
  <c r="S23" i="9" s="1"/>
  <c r="T23" i="9" s="1"/>
  <c r="R22" i="9"/>
  <c r="P22" i="9"/>
  <c r="Q22" i="9" s="1"/>
  <c r="R21" i="9"/>
  <c r="P21" i="9"/>
  <c r="Q21" i="9" s="1"/>
  <c r="R20" i="9"/>
  <c r="P20" i="9"/>
  <c r="Q20" i="9" s="1"/>
  <c r="R19" i="9"/>
  <c r="P19" i="9"/>
  <c r="S19" i="9" s="1"/>
  <c r="R18" i="9"/>
  <c r="P18" i="9"/>
  <c r="Q18" i="9" s="1"/>
  <c r="R17" i="9"/>
  <c r="P17" i="9"/>
  <c r="Q17" i="9" s="1"/>
  <c r="R16" i="9"/>
  <c r="P16" i="9"/>
  <c r="S16" i="9" s="1"/>
  <c r="R15" i="9"/>
  <c r="P15" i="9"/>
  <c r="S15" i="9" s="1"/>
  <c r="R14" i="9"/>
  <c r="P14" i="9"/>
  <c r="Q14" i="9" s="1"/>
  <c r="R13" i="9"/>
  <c r="P13" i="9"/>
  <c r="Q13" i="9" s="1"/>
  <c r="R12" i="9"/>
  <c r="P12" i="9"/>
  <c r="Q12" i="9" s="1"/>
  <c r="R11" i="9"/>
  <c r="P11" i="9"/>
  <c r="Q11" i="9" s="1"/>
  <c r="R9" i="9"/>
  <c r="P9" i="9"/>
  <c r="Q9" i="9" s="1"/>
  <c r="R8" i="9"/>
  <c r="P8" i="9"/>
  <c r="Q8" i="9" s="1"/>
  <c r="R10" i="9"/>
  <c r="P10" i="9"/>
  <c r="S10" i="9" s="1"/>
  <c r="R7" i="9"/>
  <c r="P7" i="9"/>
  <c r="S7" i="9" s="1"/>
  <c r="S26" i="9" l="1"/>
  <c r="R28" i="9"/>
  <c r="T26" i="9"/>
  <c r="S11" i="9"/>
  <c r="T11" i="9" s="1"/>
  <c r="S21" i="9"/>
  <c r="S9" i="9"/>
  <c r="T9" i="9" s="1"/>
  <c r="S13" i="9"/>
  <c r="S25" i="9"/>
  <c r="T25" i="9" s="1"/>
  <c r="S12" i="9"/>
  <c r="T12" i="9" s="1"/>
  <c r="T16" i="9"/>
  <c r="S17" i="9"/>
  <c r="T17" i="9" s="1"/>
  <c r="T21" i="9"/>
  <c r="S22" i="9"/>
  <c r="T22" i="9" s="1"/>
  <c r="T27" i="9"/>
  <c r="Q10" i="9"/>
  <c r="Q15" i="9"/>
  <c r="Q19" i="9"/>
  <c r="Q7" i="9"/>
  <c r="T10" i="9"/>
  <c r="S8" i="9"/>
  <c r="T8" i="9" s="1"/>
  <c r="T15" i="9"/>
  <c r="T18" i="9"/>
  <c r="T19" i="9"/>
  <c r="S20" i="9"/>
  <c r="T20" i="9" s="1"/>
  <c r="S24" i="9"/>
  <c r="T24" i="9" s="1"/>
  <c r="T13" i="9"/>
  <c r="S14" i="9"/>
  <c r="T14" i="9" s="1"/>
  <c r="S18" i="9"/>
  <c r="Q23" i="9"/>
  <c r="Q27" i="9"/>
  <c r="Q16" i="9"/>
  <c r="T7" i="9"/>
  <c r="T28" i="9" l="1"/>
</calcChain>
</file>

<file path=xl/sharedStrings.xml><?xml version="1.0" encoding="utf-8"?>
<sst xmlns="http://schemas.openxmlformats.org/spreadsheetml/2006/main" count="86" uniqueCount="66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Názov predmetu zákazky:</t>
  </si>
  <si>
    <t>Por. č.</t>
  </si>
  <si>
    <t>Merná jednotka
(MJ)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Doplňujúce informácie:</t>
  </si>
  <si>
    <t>Sídlo:</t>
  </si>
  <si>
    <t>Dodávateľ:</t>
  </si>
  <si>
    <t>Cena servisnej hodiny na mimozáručný servis počas záručnej doby</t>
  </si>
  <si>
    <t>4.</t>
  </si>
  <si>
    <t>Poznámka:</t>
  </si>
  <si>
    <t>- povinné údaje vyplní uchádzač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2.</t>
  </si>
  <si>
    <t>3.</t>
  </si>
  <si>
    <t>Celková výška DPH v EUR</t>
  </si>
  <si>
    <t>Celková cena
za požadované množstvo MJ
v EUR bez DPH</t>
  </si>
  <si>
    <t>Celková cena
za požadované množstvo MJ
v EUR s DPH</t>
  </si>
  <si>
    <r>
      <t xml:space="preserve">Požadované 
množstvo MJ
</t>
    </r>
    <r>
      <rPr>
        <sz val="9"/>
        <color theme="1"/>
        <rFont val="Arial"/>
        <family val="2"/>
        <charset val="238"/>
      </rPr>
      <t>za zmluvné obdobie</t>
    </r>
  </si>
  <si>
    <t>kalendárnych dní</t>
  </si>
  <si>
    <t>mesiacov</t>
  </si>
  <si>
    <t>v EUR bez DPH
na hodinu</t>
  </si>
  <si>
    <t>zľava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Termín dodania</t>
  </si>
  <si>
    <t>Záručná doba</t>
  </si>
  <si>
    <t>Monitory vitálnych funkcií vrátane transportných modulov</t>
  </si>
  <si>
    <t>Modulárny monitor vitálnych funkcií min. 15"</t>
  </si>
  <si>
    <t>Modulárny monitor vitálnych funkcií min. 19"</t>
  </si>
  <si>
    <t>modul merania EKG, NIBP, IBP 4x, teplota 2 miesta, respirácia, SpO2</t>
  </si>
  <si>
    <t>modul NMT</t>
  </si>
  <si>
    <t>modul entropie alebo BIS</t>
  </si>
  <si>
    <t>modul metaboliky s nepriamou kalorimetriou, meraním EtCO2 a gas analyzér</t>
  </si>
  <si>
    <t>modul transpulmonálny CCO</t>
  </si>
  <si>
    <t>modul termodilučný pľúcnicový katéter</t>
  </si>
  <si>
    <t>Transportný modul monitora VF</t>
  </si>
  <si>
    <t>EKG káble pre 5 zvodové EKG</t>
  </si>
  <si>
    <t>EKG káble pre 12 zvodové EKG</t>
  </si>
  <si>
    <t>saturačný senzor ušný</t>
  </si>
  <si>
    <t>saturačný senzor prstový</t>
  </si>
  <si>
    <t>manžeta na meranie neinvazívneho tlaku po 3 veľkosti</t>
  </si>
  <si>
    <t>káble na meranie invazívnych tlakov pre štyri vstupy kompatibilné so spotrebným materiálom výrobcu Edwards</t>
  </si>
  <si>
    <t>káble pre meranie teploty napojiteľné na močový katéter s termistorom</t>
  </si>
  <si>
    <t>príslušenstvo pre modul kontinuálneho srdcového výdaja transpulmonálnou termodilúciou</t>
  </si>
  <si>
    <t>príslušenstvo pre modul srdcového výdaja termodilučnou metódou pľúcnicovým katétrom</t>
  </si>
  <si>
    <t>príslušenstvo pre modul entropie alebo BIS</t>
  </si>
  <si>
    <t>príslušenstvo pre modul metaboliky s nepriamou kalorimetriou, meraním EtCO2 a gas analyzér</t>
  </si>
  <si>
    <t>Centrála</t>
  </si>
  <si>
    <t>Obchodný názov ponúkaného tovaru</t>
  </si>
  <si>
    <t>Názov výrobcu ponúkaného tovaru</t>
  </si>
  <si>
    <t>Spolu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43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/>
      <top style="thin">
        <color indexed="64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/>
      <diagonal/>
    </border>
    <border>
      <left/>
      <right style="dotted">
        <color indexed="64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 style="thin">
        <color indexed="64"/>
      </right>
      <top style="medium">
        <color auto="1"/>
      </top>
      <bottom style="thin">
        <color indexed="64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auto="1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auto="1"/>
      </top>
      <bottom style="thin">
        <color indexed="64"/>
      </bottom>
      <diagonal/>
    </border>
    <border>
      <left style="dotted">
        <color indexed="64"/>
      </left>
      <right/>
      <top style="thin">
        <color auto="1"/>
      </top>
      <bottom style="thin">
        <color indexed="64"/>
      </bottom>
      <diagonal/>
    </border>
    <border>
      <left/>
      <right style="dotted">
        <color indexed="64"/>
      </right>
      <top style="thin">
        <color auto="1"/>
      </top>
      <bottom style="thin">
        <color indexed="64"/>
      </bottom>
      <diagonal/>
    </border>
    <border>
      <left/>
      <right style="thin">
        <color indexed="64"/>
      </right>
      <top style="thin">
        <color auto="1"/>
      </top>
      <bottom style="thin">
        <color indexed="64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117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2" fillId="0" borderId="12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6" fillId="0" borderId="0" xfId="5" applyFont="1" applyAlignment="1" applyProtection="1">
      <alignment wrapText="1"/>
      <protection locked="0"/>
    </xf>
    <xf numFmtId="0" fontId="6" fillId="0" borderId="0" xfId="5" applyFont="1" applyAlignment="1" applyProtection="1">
      <alignment horizontal="center" vertical="top" wrapText="1"/>
      <protection locked="0"/>
    </xf>
    <xf numFmtId="0" fontId="6" fillId="0" borderId="0" xfId="5" applyFont="1" applyBorder="1" applyAlignment="1" applyProtection="1">
      <alignment horizontal="center" wrapText="1"/>
      <protection locked="0"/>
    </xf>
    <xf numFmtId="164" fontId="6" fillId="0" borderId="0" xfId="5" applyNumberFormat="1" applyFont="1" applyAlignment="1" applyProtection="1">
      <alignment wrapText="1"/>
      <protection locked="0"/>
    </xf>
    <xf numFmtId="0" fontId="8" fillId="4" borderId="2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11" fillId="0" borderId="0" xfId="6" applyFont="1" applyAlignment="1" applyProtection="1">
      <alignment horizontal="left"/>
      <protection locked="0"/>
    </xf>
    <xf numFmtId="0" fontId="11" fillId="0" borderId="0" xfId="6" applyFont="1" applyAlignment="1" applyProtection="1">
      <alignment horizontal="center"/>
      <protection locked="0"/>
    </xf>
    <xf numFmtId="0" fontId="11" fillId="0" borderId="0" xfId="6" applyFont="1" applyFill="1" applyBorder="1" applyProtection="1">
      <protection locked="0"/>
    </xf>
    <xf numFmtId="164" fontId="11" fillId="0" borderId="0" xfId="6" applyNumberFormat="1" applyFont="1" applyAlignment="1" applyProtection="1">
      <alignment horizontal="right"/>
      <protection locked="0"/>
    </xf>
    <xf numFmtId="0" fontId="11" fillId="0" borderId="0" xfId="6" applyFont="1" applyProtection="1">
      <protection locked="0"/>
    </xf>
    <xf numFmtId="0" fontId="7" fillId="0" borderId="0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0" fontId="7" fillId="2" borderId="24" xfId="0" applyFont="1" applyFill="1" applyBorder="1" applyAlignment="1">
      <alignment horizontal="center" vertical="top" wrapText="1"/>
    </xf>
    <xf numFmtId="9" fontId="7" fillId="2" borderId="24" xfId="0" applyNumberFormat="1" applyFont="1" applyFill="1" applyBorder="1" applyAlignment="1">
      <alignment horizontal="center" vertical="top" wrapText="1"/>
    </xf>
    <xf numFmtId="0" fontId="2" fillId="0" borderId="25" xfId="0" applyFont="1" applyBorder="1" applyAlignment="1">
      <alignment horizontal="center" vertical="center" wrapText="1"/>
    </xf>
    <xf numFmtId="0" fontId="8" fillId="0" borderId="0" xfId="0" applyFont="1" applyBorder="1" applyAlignment="1">
      <alignment horizontal="center"/>
    </xf>
    <xf numFmtId="0" fontId="2" fillId="5" borderId="13" xfId="0" applyFont="1" applyFill="1" applyBorder="1" applyAlignment="1">
      <alignment horizontal="center" vertical="center" wrapText="1"/>
    </xf>
    <xf numFmtId="164" fontId="2" fillId="0" borderId="20" xfId="0" applyNumberFormat="1" applyFont="1" applyBorder="1" applyAlignment="1">
      <alignment horizontal="center" vertical="center" wrapText="1"/>
    </xf>
    <xf numFmtId="0" fontId="7" fillId="2" borderId="17" xfId="0" applyFont="1" applyFill="1" applyBorder="1" applyAlignment="1">
      <alignment horizontal="center" vertical="top" wrapText="1"/>
    </xf>
    <xf numFmtId="0" fontId="2" fillId="0" borderId="26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2" fillId="0" borderId="26" xfId="0" applyNumberFormat="1" applyFont="1" applyBorder="1" applyAlignment="1">
      <alignment horizontal="right" vertical="center" wrapText="1"/>
    </xf>
    <xf numFmtId="164" fontId="7" fillId="2" borderId="27" xfId="0" applyNumberFormat="1" applyFont="1" applyFill="1" applyBorder="1" applyAlignment="1">
      <alignment horizontal="center" vertical="top" wrapText="1"/>
    </xf>
    <xf numFmtId="164" fontId="2" fillId="0" borderId="28" xfId="0" applyNumberFormat="1" applyFont="1" applyBorder="1" applyAlignment="1">
      <alignment horizontal="right" vertical="center" wrapText="1"/>
    </xf>
    <xf numFmtId="164" fontId="7" fillId="2" borderId="22" xfId="0" applyNumberFormat="1" applyFont="1" applyFill="1" applyBorder="1" applyAlignment="1">
      <alignment horizontal="center" vertical="top" wrapText="1"/>
    </xf>
    <xf numFmtId="164" fontId="2" fillId="0" borderId="29" xfId="0" applyNumberFormat="1" applyFont="1" applyBorder="1" applyAlignment="1">
      <alignment horizontal="right" vertical="center" wrapText="1"/>
    </xf>
    <xf numFmtId="164" fontId="7" fillId="2" borderId="13" xfId="0" applyNumberFormat="1" applyFont="1" applyFill="1" applyBorder="1" applyAlignment="1">
      <alignment horizontal="center" vertical="top" wrapText="1"/>
    </xf>
    <xf numFmtId="164" fontId="2" fillId="0" borderId="15" xfId="0" applyNumberFormat="1" applyFont="1" applyBorder="1" applyAlignment="1">
      <alignment horizontal="right" vertical="center" wrapText="1"/>
    </xf>
    <xf numFmtId="0" fontId="7" fillId="2" borderId="30" xfId="0" applyFont="1" applyFill="1" applyBorder="1" applyAlignment="1">
      <alignment horizontal="center" vertical="top" wrapText="1"/>
    </xf>
    <xf numFmtId="9" fontId="2" fillId="0" borderId="14" xfId="0" applyNumberFormat="1" applyFont="1" applyBorder="1" applyAlignment="1">
      <alignment horizontal="center" vertical="center" wrapText="1"/>
    </xf>
    <xf numFmtId="9" fontId="7" fillId="2" borderId="27" xfId="0" applyNumberFormat="1" applyFont="1" applyFill="1" applyBorder="1" applyAlignment="1">
      <alignment horizontal="center" vertical="top" wrapText="1"/>
    </xf>
    <xf numFmtId="0" fontId="2" fillId="0" borderId="35" xfId="0" applyFont="1" applyBorder="1" applyAlignment="1">
      <alignment horizontal="center" vertical="center" wrapText="1"/>
    </xf>
    <xf numFmtId="3" fontId="4" fillId="0" borderId="13" xfId="0" applyNumberFormat="1" applyFont="1" applyFill="1" applyBorder="1" applyAlignment="1">
      <alignment horizontal="center" vertical="center" wrapText="1"/>
    </xf>
    <xf numFmtId="0" fontId="2" fillId="0" borderId="36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 wrapText="1"/>
    </xf>
    <xf numFmtId="0" fontId="2" fillId="0" borderId="37" xfId="0" applyFont="1" applyBorder="1" applyAlignment="1">
      <alignment horizontal="center" vertical="center" wrapText="1"/>
    </xf>
    <xf numFmtId="164" fontId="2" fillId="0" borderId="1" xfId="0" applyNumberFormat="1" applyFont="1" applyBorder="1" applyAlignment="1">
      <alignment horizontal="right" vertical="center" wrapText="1"/>
    </xf>
    <xf numFmtId="164" fontId="2" fillId="0" borderId="38" xfId="0" applyNumberFormat="1" applyFont="1" applyBorder="1" applyAlignment="1">
      <alignment horizontal="right" vertical="center" wrapText="1"/>
    </xf>
    <xf numFmtId="164" fontId="2" fillId="0" borderId="37" xfId="0" applyNumberFormat="1" applyFont="1" applyBorder="1" applyAlignment="1">
      <alignment horizontal="right" vertical="center" wrapText="1"/>
    </xf>
    <xf numFmtId="164" fontId="2" fillId="0" borderId="21" xfId="0" applyNumberFormat="1" applyFont="1" applyBorder="1" applyAlignment="1">
      <alignment horizontal="right" vertical="center" wrapText="1"/>
    </xf>
    <xf numFmtId="0" fontId="2" fillId="0" borderId="41" xfId="0" applyFont="1" applyBorder="1" applyAlignment="1">
      <alignment horizontal="center" vertical="center" wrapText="1"/>
    </xf>
    <xf numFmtId="3" fontId="4" fillId="0" borderId="21" xfId="0" applyNumberFormat="1" applyFont="1" applyFill="1" applyBorder="1" applyAlignment="1">
      <alignment horizontal="center" vertical="center" wrapText="1"/>
    </xf>
    <xf numFmtId="164" fontId="3" fillId="0" borderId="0" xfId="0" applyNumberFormat="1" applyFont="1" applyAlignment="1">
      <alignment horizontal="left" vertical="center" wrapText="1"/>
    </xf>
    <xf numFmtId="164" fontId="2" fillId="0" borderId="42" xfId="0" applyNumberFormat="1" applyFont="1" applyBorder="1" applyAlignment="1">
      <alignment horizontal="right" vertical="center" wrapText="1"/>
    </xf>
    <xf numFmtId="0" fontId="10" fillId="0" borderId="0" xfId="0" applyFont="1" applyAlignment="1" applyProtection="1">
      <alignment horizontal="left"/>
      <protection locked="0"/>
    </xf>
    <xf numFmtId="0" fontId="7" fillId="0" borderId="0" xfId="0" applyNumberFormat="1" applyFont="1" applyBorder="1" applyAlignment="1">
      <alignment horizontal="center" vertical="center" wrapText="1"/>
    </xf>
    <xf numFmtId="0" fontId="6" fillId="0" borderId="0" xfId="0" applyNumberFormat="1" applyFont="1" applyBorder="1" applyAlignment="1">
      <alignment horizontal="center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center" vertical="center" wrapText="1"/>
    </xf>
    <xf numFmtId="0" fontId="6" fillId="0" borderId="0" xfId="0" applyNumberFormat="1" applyFont="1" applyBorder="1" applyAlignment="1">
      <alignment horizontal="left" vertical="center" wrapText="1"/>
    </xf>
    <xf numFmtId="9" fontId="7" fillId="2" borderId="27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0" fontId="2" fillId="0" borderId="17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18" xfId="0" applyFont="1" applyBorder="1" applyAlignment="1">
      <alignment horizontal="left" vertical="center" wrapText="1"/>
    </xf>
    <xf numFmtId="0" fontId="2" fillId="0" borderId="19" xfId="0" applyFont="1" applyBorder="1" applyAlignment="1">
      <alignment horizontal="left" vertical="center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11" xfId="0" applyFont="1" applyFill="1" applyBorder="1" applyAlignment="1">
      <alignment horizontal="center" vertical="top" wrapText="1"/>
    </xf>
    <xf numFmtId="0" fontId="7" fillId="0" borderId="0" xfId="0" applyNumberFormat="1" applyFont="1" applyBorder="1" applyAlignment="1">
      <alignment horizontal="left" vertical="center" wrapText="1"/>
    </xf>
    <xf numFmtId="0" fontId="4" fillId="5" borderId="26" xfId="0" applyFont="1" applyFill="1" applyBorder="1" applyAlignment="1">
      <alignment horizontal="left" vertical="center" wrapText="1"/>
    </xf>
    <xf numFmtId="0" fontId="4" fillId="5" borderId="32" xfId="0" applyFont="1" applyFill="1" applyBorder="1" applyAlignment="1">
      <alignment horizontal="left" vertical="center" wrapText="1"/>
    </xf>
    <xf numFmtId="0" fontId="4" fillId="5" borderId="33" xfId="0" applyFont="1" applyFill="1" applyBorder="1" applyAlignment="1">
      <alignment horizontal="left" vertical="center" wrapText="1"/>
    </xf>
    <xf numFmtId="0" fontId="4" fillId="0" borderId="22" xfId="0" applyFont="1" applyBorder="1" applyAlignment="1">
      <alignment horizontal="left" vertical="center" wrapText="1"/>
    </xf>
    <xf numFmtId="0" fontId="4" fillId="0" borderId="34" xfId="0" applyFont="1" applyBorder="1" applyAlignment="1">
      <alignment horizontal="left" vertical="center" wrapText="1"/>
    </xf>
    <xf numFmtId="9" fontId="2" fillId="0" borderId="38" xfId="0" applyNumberFormat="1" applyFont="1" applyBorder="1" applyAlignment="1">
      <alignment horizontal="center" vertical="center" wrapText="1"/>
    </xf>
    <xf numFmtId="9" fontId="2" fillId="0" borderId="39" xfId="0" applyNumberFormat="1" applyFont="1" applyBorder="1" applyAlignment="1">
      <alignment horizontal="center" vertical="center" wrapText="1"/>
    </xf>
    <xf numFmtId="0" fontId="4" fillId="0" borderId="38" xfId="0" applyFont="1" applyBorder="1" applyAlignment="1">
      <alignment horizontal="left" vertical="center" wrapText="1"/>
    </xf>
    <xf numFmtId="0" fontId="4" fillId="0" borderId="40" xfId="0" applyFont="1" applyBorder="1" applyAlignment="1">
      <alignment horizontal="left" vertical="center" wrapText="1"/>
    </xf>
    <xf numFmtId="9" fontId="2" fillId="0" borderId="29" xfId="0" applyNumberFormat="1" applyFont="1" applyBorder="1" applyAlignment="1">
      <alignment horizontal="center" vertical="center" wrapText="1"/>
    </xf>
    <xf numFmtId="9" fontId="2" fillId="0" borderId="31" xfId="0" applyNumberFormat="1" applyFont="1" applyBorder="1" applyAlignment="1">
      <alignment horizontal="center" vertical="center" wrapText="1"/>
    </xf>
  </cellXfs>
  <cellStyles count="7">
    <cellStyle name="Normálna" xfId="0" builtinId="0"/>
    <cellStyle name="Normálna 2" xfId="2"/>
    <cellStyle name="Normálna 2 2" xfId="6"/>
    <cellStyle name="Normálne 2" xfId="3"/>
    <cellStyle name="normálne 2 2" xfId="1"/>
    <cellStyle name="normálne 2 2 2" xfId="4"/>
    <cellStyle name="Normálne 4" xfId="5"/>
  </cellStyles>
  <dxfs count="26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W55"/>
  <sheetViews>
    <sheetView showGridLines="0" tabSelected="1" zoomScaleNormal="100" workbookViewId="0">
      <selection sqref="A1:T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3.42578125" style="1" customWidth="1"/>
    <col min="4" max="4" width="9.7109375" style="4" customWidth="1"/>
    <col min="5" max="5" width="12.2851562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20" width="15.7109375" style="17" customWidth="1"/>
    <col min="21" max="21" width="2" style="17" customWidth="1"/>
    <col min="22" max="22" width="15.7109375" style="12" customWidth="1"/>
    <col min="23" max="23" width="15.7109375" style="20" customWidth="1"/>
    <col min="24" max="16384" width="9.140625" style="1"/>
  </cols>
  <sheetData>
    <row r="1" spans="1:23" s="2" customFormat="1" ht="20.100000000000001" customHeight="1" x14ac:dyDescent="0.25">
      <c r="A1" s="93" t="s">
        <v>27</v>
      </c>
      <c r="B1" s="93"/>
      <c r="C1" s="93"/>
      <c r="D1" s="93"/>
      <c r="E1" s="93"/>
      <c r="F1" s="93"/>
      <c r="G1" s="93"/>
      <c r="H1" s="93"/>
      <c r="I1" s="93"/>
      <c r="J1" s="93"/>
      <c r="K1" s="93"/>
      <c r="L1" s="93"/>
      <c r="M1" s="93"/>
      <c r="N1" s="93"/>
      <c r="O1" s="93"/>
      <c r="P1" s="93"/>
      <c r="Q1" s="93"/>
      <c r="R1" s="93"/>
      <c r="S1" s="93"/>
      <c r="T1" s="93"/>
      <c r="U1" s="5"/>
      <c r="V1" s="9"/>
      <c r="W1" s="12"/>
    </row>
    <row r="2" spans="1:23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5"/>
      <c r="V2" s="9"/>
      <c r="W2" s="12"/>
    </row>
    <row r="3" spans="1:23" s="2" customFormat="1" ht="20.100000000000001" customHeight="1" x14ac:dyDescent="0.2">
      <c r="A3" s="13" t="s">
        <v>9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5"/>
      <c r="V3" s="9"/>
      <c r="W3" s="12"/>
    </row>
    <row r="4" spans="1:23" s="2" customFormat="1" ht="24.95" customHeight="1" x14ac:dyDescent="0.25">
      <c r="A4" s="33" t="s">
        <v>41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5"/>
      <c r="V4" s="9"/>
      <c r="W4" s="12"/>
    </row>
    <row r="5" spans="1:23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5"/>
      <c r="V5" s="9"/>
      <c r="W5" s="12"/>
    </row>
    <row r="6" spans="1:23" s="8" customFormat="1" ht="48.75" thickBot="1" x14ac:dyDescent="0.3">
      <c r="A6" s="31" t="s">
        <v>10</v>
      </c>
      <c r="B6" s="103" t="s">
        <v>1</v>
      </c>
      <c r="C6" s="104"/>
      <c r="D6" s="32" t="s">
        <v>11</v>
      </c>
      <c r="E6" s="72" t="s">
        <v>33</v>
      </c>
      <c r="F6" s="15"/>
      <c r="G6" s="54" t="s">
        <v>63</v>
      </c>
      <c r="H6" s="55" t="s">
        <v>64</v>
      </c>
      <c r="I6" s="61" t="s">
        <v>12</v>
      </c>
      <c r="J6" s="74" t="s">
        <v>13</v>
      </c>
      <c r="K6" s="56" t="s">
        <v>14</v>
      </c>
      <c r="L6" s="56" t="s">
        <v>15</v>
      </c>
      <c r="M6" s="64" t="s">
        <v>16</v>
      </c>
      <c r="N6" s="95" t="s">
        <v>17</v>
      </c>
      <c r="O6" s="96"/>
      <c r="P6" s="68" t="s">
        <v>18</v>
      </c>
      <c r="Q6" s="66" t="s">
        <v>19</v>
      </c>
      <c r="R6" s="64" t="s">
        <v>31</v>
      </c>
      <c r="S6" s="68" t="s">
        <v>30</v>
      </c>
      <c r="T6" s="70" t="s">
        <v>32</v>
      </c>
      <c r="U6" s="53"/>
    </row>
    <row r="7" spans="1:23" s="2" customFormat="1" ht="33" customHeight="1" x14ac:dyDescent="0.25">
      <c r="A7" s="34">
        <v>1</v>
      </c>
      <c r="B7" s="109" t="s">
        <v>42</v>
      </c>
      <c r="C7" s="110"/>
      <c r="D7" s="75" t="s">
        <v>0</v>
      </c>
      <c r="E7" s="76">
        <v>18</v>
      </c>
      <c r="F7" s="16"/>
      <c r="G7" s="36"/>
      <c r="H7" s="77"/>
      <c r="I7" s="78"/>
      <c r="J7" s="79"/>
      <c r="K7" s="77"/>
      <c r="L7" s="77"/>
      <c r="M7" s="80"/>
      <c r="N7" s="111"/>
      <c r="O7" s="112"/>
      <c r="P7" s="81">
        <f t="shared" ref="P7:P27" si="0">M7*N7</f>
        <v>0</v>
      </c>
      <c r="Q7" s="82">
        <f t="shared" ref="Q7:Q27" si="1">M7+P7</f>
        <v>0</v>
      </c>
      <c r="R7" s="80">
        <f t="shared" ref="R7:R27" si="2">M7*E7</f>
        <v>0</v>
      </c>
      <c r="S7" s="81">
        <f t="shared" ref="S7:S27" si="3">P7*E7</f>
        <v>0</v>
      </c>
      <c r="T7" s="83">
        <f t="shared" ref="T7:T27" si="4">R7+S7</f>
        <v>0</v>
      </c>
      <c r="U7" s="16"/>
    </row>
    <row r="8" spans="1:23" s="2" customFormat="1" ht="33" customHeight="1" x14ac:dyDescent="0.25">
      <c r="A8" s="37">
        <v>2</v>
      </c>
      <c r="B8" s="113" t="s">
        <v>43</v>
      </c>
      <c r="C8" s="114"/>
      <c r="D8" s="84" t="s">
        <v>0</v>
      </c>
      <c r="E8" s="85">
        <v>11</v>
      </c>
      <c r="F8" s="16"/>
      <c r="G8" s="36"/>
      <c r="H8" s="77"/>
      <c r="I8" s="78"/>
      <c r="J8" s="79"/>
      <c r="K8" s="77"/>
      <c r="L8" s="77"/>
      <c r="M8" s="80"/>
      <c r="N8" s="111"/>
      <c r="O8" s="112"/>
      <c r="P8" s="81">
        <f t="shared" si="0"/>
        <v>0</v>
      </c>
      <c r="Q8" s="82">
        <f t="shared" si="1"/>
        <v>0</v>
      </c>
      <c r="R8" s="80">
        <f t="shared" si="2"/>
        <v>0</v>
      </c>
      <c r="S8" s="81">
        <f t="shared" si="3"/>
        <v>0</v>
      </c>
      <c r="T8" s="83">
        <f t="shared" si="4"/>
        <v>0</v>
      </c>
      <c r="U8" s="16"/>
    </row>
    <row r="9" spans="1:23" s="2" customFormat="1" ht="33" customHeight="1" x14ac:dyDescent="0.25">
      <c r="A9" s="37">
        <v>3</v>
      </c>
      <c r="B9" s="113" t="s">
        <v>44</v>
      </c>
      <c r="C9" s="114"/>
      <c r="D9" s="84" t="s">
        <v>0</v>
      </c>
      <c r="E9" s="85">
        <v>29</v>
      </c>
      <c r="F9" s="16"/>
      <c r="G9" s="36"/>
      <c r="H9" s="77"/>
      <c r="I9" s="78"/>
      <c r="J9" s="79"/>
      <c r="K9" s="77"/>
      <c r="L9" s="77"/>
      <c r="M9" s="80"/>
      <c r="N9" s="111"/>
      <c r="O9" s="112"/>
      <c r="P9" s="81">
        <f t="shared" si="0"/>
        <v>0</v>
      </c>
      <c r="Q9" s="82">
        <f t="shared" si="1"/>
        <v>0</v>
      </c>
      <c r="R9" s="80">
        <f t="shared" si="2"/>
        <v>0</v>
      </c>
      <c r="S9" s="81">
        <f t="shared" si="3"/>
        <v>0</v>
      </c>
      <c r="T9" s="83">
        <f t="shared" si="4"/>
        <v>0</v>
      </c>
      <c r="U9" s="16"/>
    </row>
    <row r="10" spans="1:23" s="2" customFormat="1" ht="33" customHeight="1" x14ac:dyDescent="0.25">
      <c r="A10" s="37">
        <v>4</v>
      </c>
      <c r="B10" s="113" t="s">
        <v>45</v>
      </c>
      <c r="C10" s="114"/>
      <c r="D10" s="84" t="s">
        <v>0</v>
      </c>
      <c r="E10" s="85">
        <v>5</v>
      </c>
      <c r="F10" s="16"/>
      <c r="G10" s="36"/>
      <c r="H10" s="77"/>
      <c r="I10" s="78"/>
      <c r="J10" s="79"/>
      <c r="K10" s="77"/>
      <c r="L10" s="77"/>
      <c r="M10" s="80"/>
      <c r="N10" s="111"/>
      <c r="O10" s="112"/>
      <c r="P10" s="81">
        <f t="shared" si="0"/>
        <v>0</v>
      </c>
      <c r="Q10" s="82">
        <f t="shared" si="1"/>
        <v>0</v>
      </c>
      <c r="R10" s="80">
        <f t="shared" si="2"/>
        <v>0</v>
      </c>
      <c r="S10" s="81">
        <f t="shared" si="3"/>
        <v>0</v>
      </c>
      <c r="T10" s="83">
        <f t="shared" si="4"/>
        <v>0</v>
      </c>
      <c r="U10" s="16"/>
    </row>
    <row r="11" spans="1:23" s="2" customFormat="1" ht="33" customHeight="1" x14ac:dyDescent="0.25">
      <c r="A11" s="37">
        <v>5</v>
      </c>
      <c r="B11" s="113" t="s">
        <v>46</v>
      </c>
      <c r="C11" s="114"/>
      <c r="D11" s="84" t="s">
        <v>0</v>
      </c>
      <c r="E11" s="85">
        <v>10</v>
      </c>
      <c r="F11" s="16"/>
      <c r="G11" s="36"/>
      <c r="H11" s="77"/>
      <c r="I11" s="78"/>
      <c r="J11" s="79"/>
      <c r="K11" s="77"/>
      <c r="L11" s="77"/>
      <c r="M11" s="80"/>
      <c r="N11" s="111"/>
      <c r="O11" s="112"/>
      <c r="P11" s="81">
        <f t="shared" si="0"/>
        <v>0</v>
      </c>
      <c r="Q11" s="82">
        <f t="shared" si="1"/>
        <v>0</v>
      </c>
      <c r="R11" s="80">
        <f t="shared" si="2"/>
        <v>0</v>
      </c>
      <c r="S11" s="81">
        <f t="shared" si="3"/>
        <v>0</v>
      </c>
      <c r="T11" s="83">
        <f t="shared" si="4"/>
        <v>0</v>
      </c>
      <c r="U11" s="16"/>
    </row>
    <row r="12" spans="1:23" s="2" customFormat="1" ht="48" customHeight="1" x14ac:dyDescent="0.25">
      <c r="A12" s="37">
        <v>6</v>
      </c>
      <c r="B12" s="113" t="s">
        <v>47</v>
      </c>
      <c r="C12" s="114"/>
      <c r="D12" s="84" t="s">
        <v>0</v>
      </c>
      <c r="E12" s="85">
        <v>10</v>
      </c>
      <c r="F12" s="16"/>
      <c r="G12" s="36"/>
      <c r="H12" s="77"/>
      <c r="I12" s="78"/>
      <c r="J12" s="79"/>
      <c r="K12" s="77"/>
      <c r="L12" s="77"/>
      <c r="M12" s="80"/>
      <c r="N12" s="111"/>
      <c r="O12" s="112"/>
      <c r="P12" s="81">
        <f t="shared" si="0"/>
        <v>0</v>
      </c>
      <c r="Q12" s="82">
        <f t="shared" si="1"/>
        <v>0</v>
      </c>
      <c r="R12" s="80">
        <f t="shared" si="2"/>
        <v>0</v>
      </c>
      <c r="S12" s="81">
        <f t="shared" si="3"/>
        <v>0</v>
      </c>
      <c r="T12" s="83">
        <f t="shared" si="4"/>
        <v>0</v>
      </c>
      <c r="U12" s="16"/>
    </row>
    <row r="13" spans="1:23" s="2" customFormat="1" ht="33" customHeight="1" x14ac:dyDescent="0.25">
      <c r="A13" s="37">
        <v>7</v>
      </c>
      <c r="B13" s="113" t="s">
        <v>48</v>
      </c>
      <c r="C13" s="114"/>
      <c r="D13" s="84" t="s">
        <v>0</v>
      </c>
      <c r="E13" s="85">
        <v>10</v>
      </c>
      <c r="F13" s="16"/>
      <c r="G13" s="36"/>
      <c r="H13" s="77"/>
      <c r="I13" s="78"/>
      <c r="J13" s="79"/>
      <c r="K13" s="77"/>
      <c r="L13" s="77"/>
      <c r="M13" s="80"/>
      <c r="N13" s="111"/>
      <c r="O13" s="112"/>
      <c r="P13" s="81">
        <f t="shared" si="0"/>
        <v>0</v>
      </c>
      <c r="Q13" s="82">
        <f t="shared" si="1"/>
        <v>0</v>
      </c>
      <c r="R13" s="80">
        <f t="shared" si="2"/>
        <v>0</v>
      </c>
      <c r="S13" s="81">
        <f t="shared" si="3"/>
        <v>0</v>
      </c>
      <c r="T13" s="83">
        <f t="shared" si="4"/>
        <v>0</v>
      </c>
      <c r="U13" s="16"/>
    </row>
    <row r="14" spans="1:23" s="2" customFormat="1" ht="33" customHeight="1" x14ac:dyDescent="0.25">
      <c r="A14" s="37">
        <v>8</v>
      </c>
      <c r="B14" s="113" t="s">
        <v>49</v>
      </c>
      <c r="C14" s="114"/>
      <c r="D14" s="84" t="s">
        <v>0</v>
      </c>
      <c r="E14" s="85">
        <v>6</v>
      </c>
      <c r="F14" s="16"/>
      <c r="G14" s="36"/>
      <c r="H14" s="77"/>
      <c r="I14" s="78"/>
      <c r="J14" s="79"/>
      <c r="K14" s="77"/>
      <c r="L14" s="77"/>
      <c r="M14" s="80"/>
      <c r="N14" s="111"/>
      <c r="O14" s="112"/>
      <c r="P14" s="81">
        <f t="shared" si="0"/>
        <v>0</v>
      </c>
      <c r="Q14" s="82">
        <f t="shared" si="1"/>
        <v>0</v>
      </c>
      <c r="R14" s="80">
        <f t="shared" si="2"/>
        <v>0</v>
      </c>
      <c r="S14" s="81">
        <f t="shared" si="3"/>
        <v>0</v>
      </c>
      <c r="T14" s="83">
        <f t="shared" si="4"/>
        <v>0</v>
      </c>
      <c r="U14" s="16"/>
    </row>
    <row r="15" spans="1:23" s="2" customFormat="1" ht="33" customHeight="1" x14ac:dyDescent="0.25">
      <c r="A15" s="37">
        <v>9</v>
      </c>
      <c r="B15" s="113" t="s">
        <v>50</v>
      </c>
      <c r="C15" s="114"/>
      <c r="D15" s="84" t="s">
        <v>0</v>
      </c>
      <c r="E15" s="85">
        <v>29</v>
      </c>
      <c r="F15" s="16"/>
      <c r="G15" s="36"/>
      <c r="H15" s="77"/>
      <c r="I15" s="78"/>
      <c r="J15" s="79"/>
      <c r="K15" s="77"/>
      <c r="L15" s="77"/>
      <c r="M15" s="80"/>
      <c r="N15" s="111"/>
      <c r="O15" s="112"/>
      <c r="P15" s="81">
        <f t="shared" si="0"/>
        <v>0</v>
      </c>
      <c r="Q15" s="82">
        <f t="shared" si="1"/>
        <v>0</v>
      </c>
      <c r="R15" s="80">
        <f t="shared" si="2"/>
        <v>0</v>
      </c>
      <c r="S15" s="81">
        <f t="shared" si="3"/>
        <v>0</v>
      </c>
      <c r="T15" s="83">
        <f t="shared" si="4"/>
        <v>0</v>
      </c>
      <c r="U15" s="16"/>
    </row>
    <row r="16" spans="1:23" s="2" customFormat="1" ht="33" customHeight="1" x14ac:dyDescent="0.25">
      <c r="A16" s="37">
        <v>10</v>
      </c>
      <c r="B16" s="113" t="s">
        <v>51</v>
      </c>
      <c r="C16" s="114"/>
      <c r="D16" s="84" t="s">
        <v>0</v>
      </c>
      <c r="E16" s="85">
        <v>29</v>
      </c>
      <c r="F16" s="16"/>
      <c r="G16" s="36"/>
      <c r="H16" s="77"/>
      <c r="I16" s="78"/>
      <c r="J16" s="79"/>
      <c r="K16" s="77"/>
      <c r="L16" s="77"/>
      <c r="M16" s="80"/>
      <c r="N16" s="111"/>
      <c r="O16" s="112"/>
      <c r="P16" s="81">
        <f t="shared" si="0"/>
        <v>0</v>
      </c>
      <c r="Q16" s="82">
        <f t="shared" si="1"/>
        <v>0</v>
      </c>
      <c r="R16" s="80">
        <f t="shared" si="2"/>
        <v>0</v>
      </c>
      <c r="S16" s="81">
        <f t="shared" si="3"/>
        <v>0</v>
      </c>
      <c r="T16" s="83">
        <f t="shared" si="4"/>
        <v>0</v>
      </c>
      <c r="U16" s="16"/>
    </row>
    <row r="17" spans="1:21" s="2" customFormat="1" ht="33" customHeight="1" x14ac:dyDescent="0.25">
      <c r="A17" s="37">
        <v>11</v>
      </c>
      <c r="B17" s="113" t="s">
        <v>52</v>
      </c>
      <c r="C17" s="114"/>
      <c r="D17" s="84" t="s">
        <v>0</v>
      </c>
      <c r="E17" s="85">
        <v>1</v>
      </c>
      <c r="F17" s="16"/>
      <c r="G17" s="36"/>
      <c r="H17" s="77"/>
      <c r="I17" s="78"/>
      <c r="J17" s="79"/>
      <c r="K17" s="77"/>
      <c r="L17" s="77"/>
      <c r="M17" s="80"/>
      <c r="N17" s="111"/>
      <c r="O17" s="112"/>
      <c r="P17" s="81">
        <f t="shared" si="0"/>
        <v>0</v>
      </c>
      <c r="Q17" s="82">
        <f t="shared" si="1"/>
        <v>0</v>
      </c>
      <c r="R17" s="80">
        <f t="shared" si="2"/>
        <v>0</v>
      </c>
      <c r="S17" s="81">
        <f t="shared" si="3"/>
        <v>0</v>
      </c>
      <c r="T17" s="83">
        <f t="shared" si="4"/>
        <v>0</v>
      </c>
      <c r="U17" s="16"/>
    </row>
    <row r="18" spans="1:21" s="2" customFormat="1" ht="33" customHeight="1" x14ac:dyDescent="0.25">
      <c r="A18" s="37">
        <v>12</v>
      </c>
      <c r="B18" s="113" t="s">
        <v>53</v>
      </c>
      <c r="C18" s="114"/>
      <c r="D18" s="84" t="s">
        <v>0</v>
      </c>
      <c r="E18" s="85">
        <v>4</v>
      </c>
      <c r="F18" s="16"/>
      <c r="G18" s="36"/>
      <c r="H18" s="77"/>
      <c r="I18" s="78"/>
      <c r="J18" s="79"/>
      <c r="K18" s="77"/>
      <c r="L18" s="77"/>
      <c r="M18" s="80"/>
      <c r="N18" s="111"/>
      <c r="O18" s="112"/>
      <c r="P18" s="81">
        <f t="shared" si="0"/>
        <v>0</v>
      </c>
      <c r="Q18" s="82">
        <f t="shared" si="1"/>
        <v>0</v>
      </c>
      <c r="R18" s="80">
        <f t="shared" si="2"/>
        <v>0</v>
      </c>
      <c r="S18" s="81">
        <f t="shared" si="3"/>
        <v>0</v>
      </c>
      <c r="T18" s="83">
        <f t="shared" si="4"/>
        <v>0</v>
      </c>
      <c r="U18" s="16"/>
    </row>
    <row r="19" spans="1:21" s="2" customFormat="1" ht="33" customHeight="1" x14ac:dyDescent="0.25">
      <c r="A19" s="37">
        <v>13</v>
      </c>
      <c r="B19" s="113" t="s">
        <v>54</v>
      </c>
      <c r="C19" s="114"/>
      <c r="D19" s="84" t="s">
        <v>0</v>
      </c>
      <c r="E19" s="85">
        <v>29</v>
      </c>
      <c r="F19" s="16"/>
      <c r="G19" s="36"/>
      <c r="H19" s="77"/>
      <c r="I19" s="78"/>
      <c r="J19" s="79"/>
      <c r="K19" s="77"/>
      <c r="L19" s="77"/>
      <c r="M19" s="80"/>
      <c r="N19" s="111"/>
      <c r="O19" s="112"/>
      <c r="P19" s="81">
        <f t="shared" si="0"/>
        <v>0</v>
      </c>
      <c r="Q19" s="82">
        <f t="shared" si="1"/>
        <v>0</v>
      </c>
      <c r="R19" s="80">
        <f t="shared" si="2"/>
        <v>0</v>
      </c>
      <c r="S19" s="81">
        <f t="shared" si="3"/>
        <v>0</v>
      </c>
      <c r="T19" s="83">
        <f t="shared" si="4"/>
        <v>0</v>
      </c>
      <c r="U19" s="16"/>
    </row>
    <row r="20" spans="1:21" s="2" customFormat="1" ht="33" customHeight="1" x14ac:dyDescent="0.25">
      <c r="A20" s="37">
        <v>14</v>
      </c>
      <c r="B20" s="113" t="s">
        <v>55</v>
      </c>
      <c r="C20" s="114"/>
      <c r="D20" s="84" t="s">
        <v>0</v>
      </c>
      <c r="E20" s="85">
        <v>29</v>
      </c>
      <c r="F20" s="16"/>
      <c r="G20" s="36"/>
      <c r="H20" s="77"/>
      <c r="I20" s="78"/>
      <c r="J20" s="79"/>
      <c r="K20" s="77"/>
      <c r="L20" s="77"/>
      <c r="M20" s="80"/>
      <c r="N20" s="111"/>
      <c r="O20" s="112"/>
      <c r="P20" s="81">
        <f t="shared" si="0"/>
        <v>0</v>
      </c>
      <c r="Q20" s="82">
        <f t="shared" si="1"/>
        <v>0</v>
      </c>
      <c r="R20" s="80">
        <f t="shared" si="2"/>
        <v>0</v>
      </c>
      <c r="S20" s="81">
        <f t="shared" si="3"/>
        <v>0</v>
      </c>
      <c r="T20" s="83">
        <f t="shared" si="4"/>
        <v>0</v>
      </c>
      <c r="U20" s="16"/>
    </row>
    <row r="21" spans="1:21" s="2" customFormat="1" ht="50.25" customHeight="1" x14ac:dyDescent="0.25">
      <c r="A21" s="37">
        <v>15</v>
      </c>
      <c r="B21" s="113" t="s">
        <v>56</v>
      </c>
      <c r="C21" s="114"/>
      <c r="D21" s="84" t="s">
        <v>0</v>
      </c>
      <c r="E21" s="85">
        <v>90</v>
      </c>
      <c r="F21" s="16"/>
      <c r="G21" s="36"/>
      <c r="H21" s="77"/>
      <c r="I21" s="78"/>
      <c r="J21" s="79"/>
      <c r="K21" s="77"/>
      <c r="L21" s="77"/>
      <c r="M21" s="80"/>
      <c r="N21" s="111"/>
      <c r="O21" s="112"/>
      <c r="P21" s="81">
        <f t="shared" si="0"/>
        <v>0</v>
      </c>
      <c r="Q21" s="82">
        <f t="shared" si="1"/>
        <v>0</v>
      </c>
      <c r="R21" s="80">
        <f t="shared" si="2"/>
        <v>0</v>
      </c>
      <c r="S21" s="81">
        <f t="shared" si="3"/>
        <v>0</v>
      </c>
      <c r="T21" s="83">
        <f t="shared" si="4"/>
        <v>0</v>
      </c>
      <c r="U21" s="16"/>
    </row>
    <row r="22" spans="1:21" s="2" customFormat="1" ht="50.25" customHeight="1" x14ac:dyDescent="0.25">
      <c r="A22" s="37">
        <v>16</v>
      </c>
      <c r="B22" s="113" t="s">
        <v>57</v>
      </c>
      <c r="C22" s="114"/>
      <c r="D22" s="84" t="s">
        <v>0</v>
      </c>
      <c r="E22" s="85">
        <v>15</v>
      </c>
      <c r="F22" s="16"/>
      <c r="G22" s="36"/>
      <c r="H22" s="77"/>
      <c r="I22" s="78"/>
      <c r="J22" s="79"/>
      <c r="K22" s="77"/>
      <c r="L22" s="77"/>
      <c r="M22" s="80"/>
      <c r="N22" s="111"/>
      <c r="O22" s="112"/>
      <c r="P22" s="81">
        <f t="shared" si="0"/>
        <v>0</v>
      </c>
      <c r="Q22" s="82">
        <f t="shared" si="1"/>
        <v>0</v>
      </c>
      <c r="R22" s="80">
        <f t="shared" si="2"/>
        <v>0</v>
      </c>
      <c r="S22" s="81">
        <f t="shared" si="3"/>
        <v>0</v>
      </c>
      <c r="T22" s="83">
        <f t="shared" si="4"/>
        <v>0</v>
      </c>
      <c r="U22" s="16"/>
    </row>
    <row r="23" spans="1:21" s="2" customFormat="1" ht="50.25" customHeight="1" x14ac:dyDescent="0.25">
      <c r="A23" s="37">
        <v>17</v>
      </c>
      <c r="B23" s="113" t="s">
        <v>58</v>
      </c>
      <c r="C23" s="114"/>
      <c r="D23" s="84" t="s">
        <v>0</v>
      </c>
      <c r="E23" s="85">
        <v>10</v>
      </c>
      <c r="F23" s="16"/>
      <c r="G23" s="36"/>
      <c r="H23" s="77"/>
      <c r="I23" s="78"/>
      <c r="J23" s="79"/>
      <c r="K23" s="77"/>
      <c r="L23" s="77"/>
      <c r="M23" s="80"/>
      <c r="N23" s="111"/>
      <c r="O23" s="112"/>
      <c r="P23" s="81">
        <f t="shared" si="0"/>
        <v>0</v>
      </c>
      <c r="Q23" s="82">
        <f t="shared" si="1"/>
        <v>0</v>
      </c>
      <c r="R23" s="80">
        <f t="shared" si="2"/>
        <v>0</v>
      </c>
      <c r="S23" s="81">
        <f t="shared" si="3"/>
        <v>0</v>
      </c>
      <c r="T23" s="83">
        <f t="shared" si="4"/>
        <v>0</v>
      </c>
      <c r="U23" s="16"/>
    </row>
    <row r="24" spans="1:21" s="2" customFormat="1" ht="50.25" customHeight="1" x14ac:dyDescent="0.25">
      <c r="A24" s="37">
        <v>18</v>
      </c>
      <c r="B24" s="113" t="s">
        <v>59</v>
      </c>
      <c r="C24" s="114"/>
      <c r="D24" s="84" t="s">
        <v>0</v>
      </c>
      <c r="E24" s="85">
        <v>6</v>
      </c>
      <c r="F24" s="16"/>
      <c r="G24" s="36"/>
      <c r="H24" s="77"/>
      <c r="I24" s="78"/>
      <c r="J24" s="79"/>
      <c r="K24" s="77"/>
      <c r="L24" s="77"/>
      <c r="M24" s="80"/>
      <c r="N24" s="111"/>
      <c r="O24" s="112"/>
      <c r="P24" s="81">
        <f t="shared" si="0"/>
        <v>0</v>
      </c>
      <c r="Q24" s="82">
        <f t="shared" si="1"/>
        <v>0</v>
      </c>
      <c r="R24" s="80">
        <f t="shared" si="2"/>
        <v>0</v>
      </c>
      <c r="S24" s="81">
        <f t="shared" si="3"/>
        <v>0</v>
      </c>
      <c r="T24" s="83">
        <f t="shared" si="4"/>
        <v>0</v>
      </c>
      <c r="U24" s="16"/>
    </row>
    <row r="25" spans="1:21" s="2" customFormat="1" ht="50.25" customHeight="1" x14ac:dyDescent="0.25">
      <c r="A25" s="37">
        <v>19</v>
      </c>
      <c r="B25" s="113" t="s">
        <v>60</v>
      </c>
      <c r="C25" s="114"/>
      <c r="D25" s="84" t="s">
        <v>0</v>
      </c>
      <c r="E25" s="85">
        <v>10</v>
      </c>
      <c r="F25" s="16"/>
      <c r="G25" s="36"/>
      <c r="H25" s="77"/>
      <c r="I25" s="78"/>
      <c r="J25" s="79"/>
      <c r="K25" s="77"/>
      <c r="L25" s="77"/>
      <c r="M25" s="80"/>
      <c r="N25" s="111"/>
      <c r="O25" s="112"/>
      <c r="P25" s="81">
        <f t="shared" si="0"/>
        <v>0</v>
      </c>
      <c r="Q25" s="82">
        <f t="shared" si="1"/>
        <v>0</v>
      </c>
      <c r="R25" s="80">
        <f t="shared" si="2"/>
        <v>0</v>
      </c>
      <c r="S25" s="81">
        <f t="shared" si="3"/>
        <v>0</v>
      </c>
      <c r="T25" s="83">
        <f t="shared" si="4"/>
        <v>0</v>
      </c>
      <c r="U25" s="16"/>
    </row>
    <row r="26" spans="1:21" s="2" customFormat="1" ht="50.25" customHeight="1" x14ac:dyDescent="0.25">
      <c r="A26" s="37">
        <v>20</v>
      </c>
      <c r="B26" s="113" t="s">
        <v>61</v>
      </c>
      <c r="C26" s="114"/>
      <c r="D26" s="84" t="s">
        <v>0</v>
      </c>
      <c r="E26" s="85">
        <v>10</v>
      </c>
      <c r="F26" s="16"/>
      <c r="G26" s="36"/>
      <c r="H26" s="77"/>
      <c r="I26" s="78"/>
      <c r="J26" s="79"/>
      <c r="K26" s="77"/>
      <c r="L26" s="77"/>
      <c r="M26" s="80"/>
      <c r="N26" s="111"/>
      <c r="O26" s="112"/>
      <c r="P26" s="81">
        <f t="shared" si="0"/>
        <v>0</v>
      </c>
      <c r="Q26" s="82">
        <f t="shared" si="1"/>
        <v>0</v>
      </c>
      <c r="R26" s="80">
        <f t="shared" si="2"/>
        <v>0</v>
      </c>
      <c r="S26" s="81">
        <f t="shared" si="3"/>
        <v>0</v>
      </c>
      <c r="T26" s="83">
        <f t="shared" si="4"/>
        <v>0</v>
      </c>
      <c r="U26" s="16"/>
    </row>
    <row r="27" spans="1:21" s="2" customFormat="1" ht="33" customHeight="1" thickBot="1" x14ac:dyDescent="0.3">
      <c r="A27" s="37">
        <v>21</v>
      </c>
      <c r="B27" s="113" t="s">
        <v>62</v>
      </c>
      <c r="C27" s="114"/>
      <c r="D27" s="84" t="s">
        <v>0</v>
      </c>
      <c r="E27" s="85">
        <v>3</v>
      </c>
      <c r="F27" s="16"/>
      <c r="G27" s="39"/>
      <c r="H27" s="57"/>
      <c r="I27" s="62"/>
      <c r="J27" s="63"/>
      <c r="K27" s="57"/>
      <c r="L27" s="57"/>
      <c r="M27" s="65"/>
      <c r="N27" s="115"/>
      <c r="O27" s="116"/>
      <c r="P27" s="69">
        <f t="shared" si="0"/>
        <v>0</v>
      </c>
      <c r="Q27" s="67">
        <f t="shared" si="1"/>
        <v>0</v>
      </c>
      <c r="R27" s="65">
        <f t="shared" si="2"/>
        <v>0</v>
      </c>
      <c r="S27" s="69">
        <f t="shared" si="3"/>
        <v>0</v>
      </c>
      <c r="T27" s="71">
        <f t="shared" si="4"/>
        <v>0</v>
      </c>
      <c r="U27" s="16"/>
    </row>
    <row r="28" spans="1:21" ht="28.5" customHeight="1" thickBot="1" x14ac:dyDescent="0.25">
      <c r="Q28" s="86" t="s">
        <v>65</v>
      </c>
      <c r="R28" s="87">
        <f>M28*E28+SUM(R7:R27)</f>
        <v>0</v>
      </c>
      <c r="T28" s="87">
        <f>R28+S28+SUM(T7:T27)</f>
        <v>0</v>
      </c>
    </row>
    <row r="29" spans="1:21" ht="16.5" customHeight="1" thickBot="1" x14ac:dyDescent="0.25">
      <c r="A29" s="41" t="s">
        <v>20</v>
      </c>
      <c r="B29" s="21"/>
      <c r="C29" s="22"/>
      <c r="D29" s="1"/>
      <c r="E29" s="23"/>
      <c r="F29" s="23"/>
      <c r="G29" s="24"/>
      <c r="H29" s="23"/>
      <c r="R29" s="23"/>
      <c r="S29" s="23"/>
      <c r="T29" s="23"/>
      <c r="U29" s="23"/>
    </row>
    <row r="30" spans="1:21" ht="30" customHeight="1" x14ac:dyDescent="0.2">
      <c r="A30" s="35" t="s">
        <v>2</v>
      </c>
      <c r="B30" s="97" t="s">
        <v>39</v>
      </c>
      <c r="C30" s="98"/>
      <c r="D30" s="98"/>
      <c r="E30" s="99"/>
      <c r="F30" s="25"/>
      <c r="G30" s="34"/>
      <c r="H30" s="59" t="s">
        <v>34</v>
      </c>
      <c r="R30" s="25"/>
      <c r="S30" s="25"/>
      <c r="T30" s="25"/>
      <c r="U30" s="25"/>
    </row>
    <row r="31" spans="1:21" ht="30" customHeight="1" x14ac:dyDescent="0.2">
      <c r="A31" s="36" t="s">
        <v>28</v>
      </c>
      <c r="B31" s="100" t="s">
        <v>40</v>
      </c>
      <c r="C31" s="101"/>
      <c r="D31" s="101"/>
      <c r="E31" s="102"/>
      <c r="F31" s="25"/>
      <c r="G31" s="37"/>
      <c r="H31" s="38" t="s">
        <v>35</v>
      </c>
      <c r="J31" s="28" t="s">
        <v>22</v>
      </c>
      <c r="K31" s="105"/>
      <c r="L31" s="105"/>
      <c r="M31" s="105"/>
      <c r="T31" s="25"/>
      <c r="U31" s="25"/>
    </row>
    <row r="32" spans="1:21" ht="30" customHeight="1" x14ac:dyDescent="0.2">
      <c r="A32" s="36" t="s">
        <v>29</v>
      </c>
      <c r="B32" s="100" t="s">
        <v>23</v>
      </c>
      <c r="C32" s="101"/>
      <c r="D32" s="101"/>
      <c r="E32" s="102"/>
      <c r="F32" s="25"/>
      <c r="G32" s="60"/>
      <c r="H32" s="38" t="s">
        <v>36</v>
      </c>
      <c r="J32" s="28" t="s">
        <v>21</v>
      </c>
      <c r="K32" s="94"/>
      <c r="L32" s="94"/>
      <c r="M32" s="94"/>
      <c r="T32" s="25"/>
    </row>
    <row r="33" spans="1:23" ht="74.25" customHeight="1" thickBot="1" x14ac:dyDescent="0.25">
      <c r="A33" s="39" t="s">
        <v>24</v>
      </c>
      <c r="B33" s="106" t="s">
        <v>38</v>
      </c>
      <c r="C33" s="107"/>
      <c r="D33" s="107"/>
      <c r="E33" s="108"/>
      <c r="F33" s="25"/>
      <c r="G33" s="73"/>
      <c r="H33" s="40" t="s">
        <v>37</v>
      </c>
      <c r="J33" s="28"/>
      <c r="K33" s="28"/>
      <c r="L33" s="28"/>
      <c r="M33" s="28"/>
      <c r="N33" s="28"/>
      <c r="T33" s="25"/>
    </row>
    <row r="34" spans="1:23" x14ac:dyDescent="0.2">
      <c r="F34" s="1"/>
      <c r="G34" s="1"/>
      <c r="H34" s="1"/>
      <c r="T34" s="23"/>
    </row>
    <row r="35" spans="1:23" ht="30" customHeight="1" x14ac:dyDescent="0.2">
      <c r="F35" s="1"/>
      <c r="G35" s="1"/>
      <c r="H35" s="1"/>
      <c r="J35" s="28" t="s">
        <v>3</v>
      </c>
      <c r="K35" s="94"/>
      <c r="L35" s="94"/>
      <c r="T35" s="25"/>
    </row>
    <row r="36" spans="1:23" ht="30" customHeight="1" x14ac:dyDescent="0.25">
      <c r="F36" s="1"/>
      <c r="G36" s="1"/>
      <c r="H36" s="1"/>
      <c r="J36" s="28" t="s">
        <v>5</v>
      </c>
      <c r="K36" s="92"/>
      <c r="L36" s="92"/>
      <c r="P36" s="27" t="s">
        <v>4</v>
      </c>
      <c r="Q36" s="91"/>
      <c r="R36" s="91"/>
      <c r="S36" s="58"/>
      <c r="T36" s="25"/>
    </row>
    <row r="37" spans="1:23" ht="16.5" customHeight="1" x14ac:dyDescent="0.25">
      <c r="F37" s="1"/>
      <c r="G37" s="1"/>
      <c r="H37" s="1"/>
      <c r="P37" s="28" t="s">
        <v>6</v>
      </c>
      <c r="Q37" s="89"/>
      <c r="R37" s="89"/>
      <c r="S37" s="58"/>
      <c r="T37" s="1"/>
      <c r="U37" s="1"/>
    </row>
    <row r="38" spans="1:23" ht="17.25" customHeight="1" x14ac:dyDescent="0.25">
      <c r="F38" s="1"/>
      <c r="G38" s="1"/>
      <c r="H38" s="1"/>
      <c r="I38" s="1"/>
      <c r="J38" s="1"/>
      <c r="K38" s="1"/>
      <c r="L38" s="1"/>
      <c r="M38" s="1"/>
      <c r="N38" s="1"/>
      <c r="O38" s="1"/>
      <c r="P38" s="28" t="s">
        <v>7</v>
      </c>
      <c r="Q38" s="90"/>
      <c r="R38" s="90"/>
      <c r="S38" s="58"/>
      <c r="T38" s="1"/>
      <c r="U38" s="1"/>
      <c r="V38" s="1"/>
      <c r="W38" s="1"/>
    </row>
    <row r="39" spans="1:23" ht="18.75" customHeight="1" x14ac:dyDescent="0.2">
      <c r="F39" s="1"/>
      <c r="G39" s="1"/>
      <c r="H39" s="1"/>
      <c r="I39" s="1"/>
      <c r="J39" s="1"/>
      <c r="K39" s="1"/>
      <c r="L39" s="1"/>
      <c r="M39" s="1"/>
      <c r="N39" s="1"/>
      <c r="O39" s="1"/>
      <c r="P39" s="29" t="s">
        <v>8</v>
      </c>
      <c r="Q39" s="1"/>
      <c r="R39" s="2"/>
      <c r="S39" s="2"/>
      <c r="T39" s="1"/>
      <c r="U39" s="1"/>
      <c r="V39" s="1"/>
      <c r="W39" s="1"/>
    </row>
    <row r="40" spans="1:23" s="42" customFormat="1" ht="12" x14ac:dyDescent="0.2">
      <c r="A40" s="88" t="s">
        <v>25</v>
      </c>
      <c r="B40" s="88"/>
      <c r="D40" s="43"/>
      <c r="E40" s="43"/>
      <c r="F40" s="44"/>
      <c r="G40" s="44"/>
      <c r="H40" s="44"/>
      <c r="I40" s="44"/>
      <c r="J40" s="44"/>
      <c r="K40" s="44"/>
      <c r="L40" s="44"/>
      <c r="M40" s="45"/>
      <c r="O40" s="45"/>
    </row>
    <row r="41" spans="1:23" s="52" customFormat="1" ht="17.25" customHeight="1" x14ac:dyDescent="0.25">
      <c r="A41" s="46"/>
      <c r="B41" s="47" t="s">
        <v>26</v>
      </c>
      <c r="C41" s="48"/>
      <c r="D41" s="49"/>
      <c r="E41" s="49"/>
      <c r="F41" s="50"/>
      <c r="G41" s="50"/>
      <c r="H41" s="50"/>
      <c r="I41" s="50"/>
      <c r="J41" s="50"/>
      <c r="K41" s="50"/>
      <c r="L41" s="50"/>
      <c r="M41" s="51"/>
      <c r="O41" s="51"/>
    </row>
    <row r="42" spans="1:23" s="6" customFormat="1" ht="20.100000000000001" customHeight="1" x14ac:dyDescent="0.25"/>
    <row r="43" spans="1:23" s="6" customFormat="1" ht="20.100000000000001" customHeight="1" x14ac:dyDescent="0.25"/>
    <row r="44" spans="1:23" ht="5.25" customHeight="1" x14ac:dyDescent="0.2">
      <c r="H44" s="1"/>
      <c r="I44" s="1"/>
      <c r="J44" s="1"/>
      <c r="K44" s="1"/>
      <c r="L44" s="1"/>
      <c r="M44" s="1"/>
      <c r="N44" s="1"/>
      <c r="O44" s="1"/>
    </row>
    <row r="45" spans="1:23" ht="20.100000000000001" customHeight="1" x14ac:dyDescent="0.2">
      <c r="H45" s="1"/>
      <c r="I45" s="1"/>
      <c r="J45" s="1"/>
      <c r="K45" s="1"/>
      <c r="L45" s="1"/>
      <c r="M45" s="1"/>
      <c r="N45" s="1"/>
      <c r="O45" s="1"/>
    </row>
    <row r="46" spans="1:23" ht="20.100000000000001" customHeight="1" x14ac:dyDescent="0.2">
      <c r="E46" s="1"/>
      <c r="F46" s="1"/>
      <c r="G46" s="1"/>
      <c r="J46" s="1"/>
      <c r="K46" s="1"/>
      <c r="L46" s="1"/>
      <c r="M46" s="1"/>
      <c r="N46" s="1"/>
      <c r="O46" s="1"/>
      <c r="T46" s="1"/>
      <c r="U46" s="1"/>
    </row>
    <row r="47" spans="1:23" x14ac:dyDescent="0.2">
      <c r="E47" s="1"/>
      <c r="F47" s="1"/>
      <c r="G47" s="1"/>
      <c r="J47" s="1"/>
      <c r="K47" s="1"/>
      <c r="L47" s="1"/>
      <c r="M47" s="1"/>
      <c r="N47" s="1"/>
      <c r="O47" s="1"/>
      <c r="T47" s="1"/>
      <c r="U47" s="1"/>
    </row>
    <row r="48" spans="1:23" x14ac:dyDescent="0.2">
      <c r="E48" s="1"/>
      <c r="F48" s="1"/>
      <c r="G48" s="1"/>
      <c r="J48" s="1"/>
      <c r="K48" s="1"/>
      <c r="L48" s="1"/>
      <c r="M48" s="1"/>
      <c r="N48" s="1"/>
      <c r="O48" s="1"/>
      <c r="P48" s="1"/>
      <c r="R48" s="1"/>
      <c r="S48" s="1"/>
      <c r="T48" s="1"/>
      <c r="U48" s="1"/>
    </row>
    <row r="49" spans="7:12" x14ac:dyDescent="0.2">
      <c r="J49" s="1"/>
      <c r="K49" s="1"/>
      <c r="L49" s="1"/>
    </row>
    <row r="50" spans="7:12" x14ac:dyDescent="0.2">
      <c r="J50" s="1"/>
      <c r="K50" s="1"/>
      <c r="L50" s="1"/>
    </row>
    <row r="51" spans="7:12" x14ac:dyDescent="0.2">
      <c r="G51" s="26"/>
      <c r="H51" s="26"/>
    </row>
    <row r="52" spans="7:12" x14ac:dyDescent="0.2">
      <c r="G52" s="30"/>
      <c r="H52" s="30"/>
    </row>
    <row r="53" spans="7:12" x14ac:dyDescent="0.2">
      <c r="G53" s="30"/>
      <c r="H53" s="30"/>
    </row>
    <row r="54" spans="7:12" x14ac:dyDescent="0.2">
      <c r="G54" s="30"/>
      <c r="H54" s="30"/>
    </row>
    <row r="55" spans="7:12" x14ac:dyDescent="0.2">
      <c r="G55" s="30"/>
      <c r="H55" s="30"/>
    </row>
  </sheetData>
  <mergeCells count="57">
    <mergeCell ref="B22:C22"/>
    <mergeCell ref="N22:O22"/>
    <mergeCell ref="B23:C23"/>
    <mergeCell ref="N23:O23"/>
    <mergeCell ref="B27:C27"/>
    <mergeCell ref="N27:O27"/>
    <mergeCell ref="B24:C24"/>
    <mergeCell ref="N24:O24"/>
    <mergeCell ref="B25:C25"/>
    <mergeCell ref="N25:O25"/>
    <mergeCell ref="B26:C26"/>
    <mergeCell ref="N26:O26"/>
    <mergeCell ref="B19:C19"/>
    <mergeCell ref="N19:O19"/>
    <mergeCell ref="B20:C20"/>
    <mergeCell ref="N20:O20"/>
    <mergeCell ref="B21:C21"/>
    <mergeCell ref="N21:O21"/>
    <mergeCell ref="B16:C16"/>
    <mergeCell ref="N16:O16"/>
    <mergeCell ref="B17:C17"/>
    <mergeCell ref="N17:O17"/>
    <mergeCell ref="B18:C18"/>
    <mergeCell ref="N18:O18"/>
    <mergeCell ref="B13:C13"/>
    <mergeCell ref="N13:O13"/>
    <mergeCell ref="B14:C14"/>
    <mergeCell ref="N14:O14"/>
    <mergeCell ref="B15:C15"/>
    <mergeCell ref="N15:O15"/>
    <mergeCell ref="B9:C9"/>
    <mergeCell ref="N9:O9"/>
    <mergeCell ref="B11:C11"/>
    <mergeCell ref="N11:O11"/>
    <mergeCell ref="B12:C12"/>
    <mergeCell ref="N12:O12"/>
    <mergeCell ref="A1:T1"/>
    <mergeCell ref="K35:L35"/>
    <mergeCell ref="N6:O6"/>
    <mergeCell ref="B30:E30"/>
    <mergeCell ref="B31:E31"/>
    <mergeCell ref="B6:C6"/>
    <mergeCell ref="B32:E32"/>
    <mergeCell ref="K31:M31"/>
    <mergeCell ref="K32:M32"/>
    <mergeCell ref="B33:E33"/>
    <mergeCell ref="B7:C7"/>
    <mergeCell ref="N7:O7"/>
    <mergeCell ref="B10:C10"/>
    <mergeCell ref="N10:O10"/>
    <mergeCell ref="B8:C8"/>
    <mergeCell ref="N8:O8"/>
    <mergeCell ref="A40:B40"/>
    <mergeCell ref="Q37:R37"/>
    <mergeCell ref="Q38:R38"/>
    <mergeCell ref="Q36:R36"/>
    <mergeCell ref="K36:L36"/>
  </mergeCells>
  <conditionalFormatting sqref="Q37:R37 G31">
    <cfRule type="containsBlanks" dxfId="261" priority="442">
      <formula>LEN(TRIM(G31))=0</formula>
    </cfRule>
  </conditionalFormatting>
  <conditionalFormatting sqref="Q38:R38">
    <cfRule type="containsBlanks" dxfId="260" priority="441">
      <formula>LEN(TRIM(Q38))=0</formula>
    </cfRule>
  </conditionalFormatting>
  <conditionalFormatting sqref="G30">
    <cfRule type="containsBlanks" dxfId="259" priority="415">
      <formula>LEN(TRIM(G30))=0</formula>
    </cfRule>
  </conditionalFormatting>
  <conditionalFormatting sqref="K31:M31">
    <cfRule type="containsBlanks" dxfId="258" priority="443">
      <formula>LEN(TRIM(K31))=0</formula>
    </cfRule>
  </conditionalFormatting>
  <conditionalFormatting sqref="K35:L35">
    <cfRule type="containsBlanks" dxfId="257" priority="410">
      <formula>LEN(TRIM(K35))=0</formula>
    </cfRule>
  </conditionalFormatting>
  <conditionalFormatting sqref="K36:L36">
    <cfRule type="containsBlanks" dxfId="256" priority="409">
      <formula>LEN(TRIM(K36))=0</formula>
    </cfRule>
  </conditionalFormatting>
  <conditionalFormatting sqref="K32:M32">
    <cfRule type="containsBlanks" dxfId="255" priority="408">
      <formula>LEN(TRIM(K32))=0</formula>
    </cfRule>
  </conditionalFormatting>
  <conditionalFormatting sqref="G32:G33">
    <cfRule type="containsBlanks" dxfId="254" priority="341">
      <formula>LEN(TRIM(G32))=0</formula>
    </cfRule>
  </conditionalFormatting>
  <conditionalFormatting sqref="R7:S7">
    <cfRule type="containsBlanks" dxfId="253" priority="304">
      <formula>LEN(TRIM(R7))=0</formula>
    </cfRule>
  </conditionalFormatting>
  <conditionalFormatting sqref="N7:O7">
    <cfRule type="containsBlanks" dxfId="252" priority="303">
      <formula>LEN(TRIM(N7))=0</formula>
    </cfRule>
  </conditionalFormatting>
  <conditionalFormatting sqref="M7">
    <cfRule type="containsBlanks" dxfId="251" priority="301">
      <formula>LEN(TRIM(M7))=0</formula>
    </cfRule>
  </conditionalFormatting>
  <conditionalFormatting sqref="P7">
    <cfRule type="containsBlanks" dxfId="250" priority="302">
      <formula>LEN(TRIM(P7))=0</formula>
    </cfRule>
  </conditionalFormatting>
  <conditionalFormatting sqref="G7">
    <cfRule type="containsBlanks" dxfId="249" priority="300">
      <formula>LEN(TRIM(G7))=0</formula>
    </cfRule>
  </conditionalFormatting>
  <conditionalFormatting sqref="H7">
    <cfRule type="containsBlanks" dxfId="248" priority="299">
      <formula>LEN(TRIM(H7))=0</formula>
    </cfRule>
  </conditionalFormatting>
  <conditionalFormatting sqref="I7">
    <cfRule type="containsBlanks" dxfId="247" priority="298">
      <formula>LEN(TRIM(I7))=0</formula>
    </cfRule>
  </conditionalFormatting>
  <conditionalFormatting sqref="J7">
    <cfRule type="containsBlanks" dxfId="246" priority="297">
      <formula>LEN(TRIM(J7))=0</formula>
    </cfRule>
  </conditionalFormatting>
  <conditionalFormatting sqref="K7">
    <cfRule type="containsBlanks" dxfId="245" priority="296">
      <formula>LEN(TRIM(K7))=0</formula>
    </cfRule>
  </conditionalFormatting>
  <conditionalFormatting sqref="L7">
    <cfRule type="containsBlanks" dxfId="244" priority="295">
      <formula>LEN(TRIM(L7))=0</formula>
    </cfRule>
  </conditionalFormatting>
  <conditionalFormatting sqref="Q7">
    <cfRule type="containsBlanks" dxfId="243" priority="294">
      <formula>LEN(TRIM(Q7))=0</formula>
    </cfRule>
  </conditionalFormatting>
  <conditionalFormatting sqref="T7">
    <cfRule type="containsBlanks" dxfId="242" priority="293">
      <formula>LEN(TRIM(T7))=0</formula>
    </cfRule>
  </conditionalFormatting>
  <conditionalFormatting sqref="R10:S10">
    <cfRule type="containsBlanks" dxfId="241" priority="292">
      <formula>LEN(TRIM(R10))=0</formula>
    </cfRule>
  </conditionalFormatting>
  <conditionalFormatting sqref="N10:O10">
    <cfRule type="containsBlanks" dxfId="240" priority="291">
      <formula>LEN(TRIM(N10))=0</formula>
    </cfRule>
  </conditionalFormatting>
  <conditionalFormatting sqref="M10">
    <cfRule type="containsBlanks" dxfId="239" priority="289">
      <formula>LEN(TRIM(M10))=0</formula>
    </cfRule>
  </conditionalFormatting>
  <conditionalFormatting sqref="P10">
    <cfRule type="containsBlanks" dxfId="238" priority="290">
      <formula>LEN(TRIM(P10))=0</formula>
    </cfRule>
  </conditionalFormatting>
  <conditionalFormatting sqref="G10">
    <cfRule type="containsBlanks" dxfId="237" priority="288">
      <formula>LEN(TRIM(G10))=0</formula>
    </cfRule>
  </conditionalFormatting>
  <conditionalFormatting sqref="H10">
    <cfRule type="containsBlanks" dxfId="236" priority="287">
      <formula>LEN(TRIM(H10))=0</formula>
    </cfRule>
  </conditionalFormatting>
  <conditionalFormatting sqref="I10">
    <cfRule type="containsBlanks" dxfId="235" priority="286">
      <formula>LEN(TRIM(I10))=0</formula>
    </cfRule>
  </conditionalFormatting>
  <conditionalFormatting sqref="J10">
    <cfRule type="containsBlanks" dxfId="234" priority="285">
      <formula>LEN(TRIM(J10))=0</formula>
    </cfRule>
  </conditionalFormatting>
  <conditionalFormatting sqref="K10">
    <cfRule type="containsBlanks" dxfId="233" priority="284">
      <formula>LEN(TRIM(K10))=0</formula>
    </cfRule>
  </conditionalFormatting>
  <conditionalFormatting sqref="L10">
    <cfRule type="containsBlanks" dxfId="232" priority="283">
      <formula>LEN(TRIM(L10))=0</formula>
    </cfRule>
  </conditionalFormatting>
  <conditionalFormatting sqref="Q10">
    <cfRule type="containsBlanks" dxfId="231" priority="282">
      <formula>LEN(TRIM(Q10))=0</formula>
    </cfRule>
  </conditionalFormatting>
  <conditionalFormatting sqref="T10">
    <cfRule type="containsBlanks" dxfId="230" priority="281">
      <formula>LEN(TRIM(T10))=0</formula>
    </cfRule>
  </conditionalFormatting>
  <conditionalFormatting sqref="R9:S9">
    <cfRule type="containsBlanks" dxfId="229" priority="280">
      <formula>LEN(TRIM(R9))=0</formula>
    </cfRule>
  </conditionalFormatting>
  <conditionalFormatting sqref="N9:O9">
    <cfRule type="containsBlanks" dxfId="228" priority="279">
      <formula>LEN(TRIM(N9))=0</formula>
    </cfRule>
  </conditionalFormatting>
  <conditionalFormatting sqref="M9">
    <cfRule type="containsBlanks" dxfId="227" priority="277">
      <formula>LEN(TRIM(M9))=0</formula>
    </cfRule>
  </conditionalFormatting>
  <conditionalFormatting sqref="P9">
    <cfRule type="containsBlanks" dxfId="226" priority="278">
      <formula>LEN(TRIM(P9))=0</formula>
    </cfRule>
  </conditionalFormatting>
  <conditionalFormatting sqref="G9">
    <cfRule type="containsBlanks" dxfId="225" priority="276">
      <formula>LEN(TRIM(G9))=0</formula>
    </cfRule>
  </conditionalFormatting>
  <conditionalFormatting sqref="H9">
    <cfRule type="containsBlanks" dxfId="224" priority="275">
      <formula>LEN(TRIM(H9))=0</formula>
    </cfRule>
  </conditionalFormatting>
  <conditionalFormatting sqref="I9">
    <cfRule type="containsBlanks" dxfId="223" priority="274">
      <formula>LEN(TRIM(I9))=0</formula>
    </cfRule>
  </conditionalFormatting>
  <conditionalFormatting sqref="J9">
    <cfRule type="containsBlanks" dxfId="222" priority="273">
      <formula>LEN(TRIM(J9))=0</formula>
    </cfRule>
  </conditionalFormatting>
  <conditionalFormatting sqref="K9">
    <cfRule type="containsBlanks" dxfId="221" priority="272">
      <formula>LEN(TRIM(K9))=0</formula>
    </cfRule>
  </conditionalFormatting>
  <conditionalFormatting sqref="L9">
    <cfRule type="containsBlanks" dxfId="220" priority="271">
      <formula>LEN(TRIM(L9))=0</formula>
    </cfRule>
  </conditionalFormatting>
  <conditionalFormatting sqref="Q9">
    <cfRule type="containsBlanks" dxfId="219" priority="270">
      <formula>LEN(TRIM(Q9))=0</formula>
    </cfRule>
  </conditionalFormatting>
  <conditionalFormatting sqref="T9">
    <cfRule type="containsBlanks" dxfId="218" priority="269">
      <formula>LEN(TRIM(T9))=0</formula>
    </cfRule>
  </conditionalFormatting>
  <conditionalFormatting sqref="R8:S8">
    <cfRule type="containsBlanks" dxfId="217" priority="268">
      <formula>LEN(TRIM(R8))=0</formula>
    </cfRule>
  </conditionalFormatting>
  <conditionalFormatting sqref="N8:O8">
    <cfRule type="containsBlanks" dxfId="216" priority="267">
      <formula>LEN(TRIM(N8))=0</formula>
    </cfRule>
  </conditionalFormatting>
  <conditionalFormatting sqref="M8">
    <cfRule type="containsBlanks" dxfId="215" priority="265">
      <formula>LEN(TRIM(M8))=0</formula>
    </cfRule>
  </conditionalFormatting>
  <conditionalFormatting sqref="P8">
    <cfRule type="containsBlanks" dxfId="214" priority="266">
      <formula>LEN(TRIM(P8))=0</formula>
    </cfRule>
  </conditionalFormatting>
  <conditionalFormatting sqref="G8">
    <cfRule type="containsBlanks" dxfId="213" priority="264">
      <formula>LEN(TRIM(G8))=0</formula>
    </cfRule>
  </conditionalFormatting>
  <conditionalFormatting sqref="H8">
    <cfRule type="containsBlanks" dxfId="212" priority="263">
      <formula>LEN(TRIM(H8))=0</formula>
    </cfRule>
  </conditionalFormatting>
  <conditionalFormatting sqref="I8">
    <cfRule type="containsBlanks" dxfId="211" priority="262">
      <formula>LEN(TRIM(I8))=0</formula>
    </cfRule>
  </conditionalFormatting>
  <conditionalFormatting sqref="J8">
    <cfRule type="containsBlanks" dxfId="210" priority="261">
      <formula>LEN(TRIM(J8))=0</formula>
    </cfRule>
  </conditionalFormatting>
  <conditionalFormatting sqref="K8">
    <cfRule type="containsBlanks" dxfId="209" priority="260">
      <formula>LEN(TRIM(K8))=0</formula>
    </cfRule>
  </conditionalFormatting>
  <conditionalFormatting sqref="L8">
    <cfRule type="containsBlanks" dxfId="208" priority="259">
      <formula>LEN(TRIM(L8))=0</formula>
    </cfRule>
  </conditionalFormatting>
  <conditionalFormatting sqref="Q8">
    <cfRule type="containsBlanks" dxfId="207" priority="258">
      <formula>LEN(TRIM(Q8))=0</formula>
    </cfRule>
  </conditionalFormatting>
  <conditionalFormatting sqref="T8">
    <cfRule type="containsBlanks" dxfId="206" priority="257">
      <formula>LEN(TRIM(T8))=0</formula>
    </cfRule>
  </conditionalFormatting>
  <conditionalFormatting sqref="R13:S13">
    <cfRule type="containsBlanks" dxfId="205" priority="256">
      <formula>LEN(TRIM(R13))=0</formula>
    </cfRule>
  </conditionalFormatting>
  <conditionalFormatting sqref="N13:O13">
    <cfRule type="containsBlanks" dxfId="204" priority="255">
      <formula>LEN(TRIM(N13))=0</formula>
    </cfRule>
  </conditionalFormatting>
  <conditionalFormatting sqref="M13">
    <cfRule type="containsBlanks" dxfId="203" priority="253">
      <formula>LEN(TRIM(M13))=0</formula>
    </cfRule>
  </conditionalFormatting>
  <conditionalFormatting sqref="P13">
    <cfRule type="containsBlanks" dxfId="202" priority="254">
      <formula>LEN(TRIM(P13))=0</formula>
    </cfRule>
  </conditionalFormatting>
  <conditionalFormatting sqref="G13">
    <cfRule type="containsBlanks" dxfId="201" priority="252">
      <formula>LEN(TRIM(G13))=0</formula>
    </cfRule>
  </conditionalFormatting>
  <conditionalFormatting sqref="H13">
    <cfRule type="containsBlanks" dxfId="200" priority="251">
      <formula>LEN(TRIM(H13))=0</formula>
    </cfRule>
  </conditionalFormatting>
  <conditionalFormatting sqref="I13">
    <cfRule type="containsBlanks" dxfId="199" priority="250">
      <formula>LEN(TRIM(I13))=0</formula>
    </cfRule>
  </conditionalFormatting>
  <conditionalFormatting sqref="J13">
    <cfRule type="containsBlanks" dxfId="198" priority="249">
      <formula>LEN(TRIM(J13))=0</formula>
    </cfRule>
  </conditionalFormatting>
  <conditionalFormatting sqref="K13">
    <cfRule type="containsBlanks" dxfId="197" priority="248">
      <formula>LEN(TRIM(K13))=0</formula>
    </cfRule>
  </conditionalFormatting>
  <conditionalFormatting sqref="L13">
    <cfRule type="containsBlanks" dxfId="196" priority="247">
      <formula>LEN(TRIM(L13))=0</formula>
    </cfRule>
  </conditionalFormatting>
  <conditionalFormatting sqref="Q13">
    <cfRule type="containsBlanks" dxfId="195" priority="246">
      <formula>LEN(TRIM(Q13))=0</formula>
    </cfRule>
  </conditionalFormatting>
  <conditionalFormatting sqref="T13">
    <cfRule type="containsBlanks" dxfId="194" priority="245">
      <formula>LEN(TRIM(T13))=0</formula>
    </cfRule>
  </conditionalFormatting>
  <conditionalFormatting sqref="R12:S12">
    <cfRule type="containsBlanks" dxfId="193" priority="244">
      <formula>LEN(TRIM(R12))=0</formula>
    </cfRule>
  </conditionalFormatting>
  <conditionalFormatting sqref="N12:O12">
    <cfRule type="containsBlanks" dxfId="192" priority="243">
      <formula>LEN(TRIM(N12))=0</formula>
    </cfRule>
  </conditionalFormatting>
  <conditionalFormatting sqref="M12">
    <cfRule type="containsBlanks" dxfId="191" priority="241">
      <formula>LEN(TRIM(M12))=0</formula>
    </cfRule>
  </conditionalFormatting>
  <conditionalFormatting sqref="P12">
    <cfRule type="containsBlanks" dxfId="190" priority="242">
      <formula>LEN(TRIM(P12))=0</formula>
    </cfRule>
  </conditionalFormatting>
  <conditionalFormatting sqref="G12">
    <cfRule type="containsBlanks" dxfId="189" priority="240">
      <formula>LEN(TRIM(G12))=0</formula>
    </cfRule>
  </conditionalFormatting>
  <conditionalFormatting sqref="H12">
    <cfRule type="containsBlanks" dxfId="188" priority="239">
      <formula>LEN(TRIM(H12))=0</formula>
    </cfRule>
  </conditionalFormatting>
  <conditionalFormatting sqref="I12">
    <cfRule type="containsBlanks" dxfId="187" priority="238">
      <formula>LEN(TRIM(I12))=0</formula>
    </cfRule>
  </conditionalFormatting>
  <conditionalFormatting sqref="J12">
    <cfRule type="containsBlanks" dxfId="186" priority="237">
      <formula>LEN(TRIM(J12))=0</formula>
    </cfRule>
  </conditionalFormatting>
  <conditionalFormatting sqref="K12">
    <cfRule type="containsBlanks" dxfId="185" priority="236">
      <formula>LEN(TRIM(K12))=0</formula>
    </cfRule>
  </conditionalFormatting>
  <conditionalFormatting sqref="L12">
    <cfRule type="containsBlanks" dxfId="184" priority="235">
      <formula>LEN(TRIM(L12))=0</formula>
    </cfRule>
  </conditionalFormatting>
  <conditionalFormatting sqref="Q12">
    <cfRule type="containsBlanks" dxfId="183" priority="234">
      <formula>LEN(TRIM(Q12))=0</formula>
    </cfRule>
  </conditionalFormatting>
  <conditionalFormatting sqref="T12">
    <cfRule type="containsBlanks" dxfId="182" priority="233">
      <formula>LEN(TRIM(T12))=0</formula>
    </cfRule>
  </conditionalFormatting>
  <conditionalFormatting sqref="R11:S11">
    <cfRule type="containsBlanks" dxfId="181" priority="232">
      <formula>LEN(TRIM(R11))=0</formula>
    </cfRule>
  </conditionalFormatting>
  <conditionalFormatting sqref="N11:O11">
    <cfRule type="containsBlanks" dxfId="180" priority="231">
      <formula>LEN(TRIM(N11))=0</formula>
    </cfRule>
  </conditionalFormatting>
  <conditionalFormatting sqref="M11">
    <cfRule type="containsBlanks" dxfId="179" priority="229">
      <formula>LEN(TRIM(M11))=0</formula>
    </cfRule>
  </conditionalFormatting>
  <conditionalFormatting sqref="P11">
    <cfRule type="containsBlanks" dxfId="178" priority="230">
      <formula>LEN(TRIM(P11))=0</formula>
    </cfRule>
  </conditionalFormatting>
  <conditionalFormatting sqref="G11">
    <cfRule type="containsBlanks" dxfId="177" priority="228">
      <formula>LEN(TRIM(G11))=0</formula>
    </cfRule>
  </conditionalFormatting>
  <conditionalFormatting sqref="H11">
    <cfRule type="containsBlanks" dxfId="176" priority="227">
      <formula>LEN(TRIM(H11))=0</formula>
    </cfRule>
  </conditionalFormatting>
  <conditionalFormatting sqref="I11">
    <cfRule type="containsBlanks" dxfId="175" priority="226">
      <formula>LEN(TRIM(I11))=0</formula>
    </cfRule>
  </conditionalFormatting>
  <conditionalFormatting sqref="J11">
    <cfRule type="containsBlanks" dxfId="174" priority="225">
      <formula>LEN(TRIM(J11))=0</formula>
    </cfRule>
  </conditionalFormatting>
  <conditionalFormatting sqref="K11">
    <cfRule type="containsBlanks" dxfId="173" priority="224">
      <formula>LEN(TRIM(K11))=0</formula>
    </cfRule>
  </conditionalFormatting>
  <conditionalFormatting sqref="L11">
    <cfRule type="containsBlanks" dxfId="172" priority="223">
      <formula>LEN(TRIM(L11))=0</formula>
    </cfRule>
  </conditionalFormatting>
  <conditionalFormatting sqref="Q11">
    <cfRule type="containsBlanks" dxfId="171" priority="222">
      <formula>LEN(TRIM(Q11))=0</formula>
    </cfRule>
  </conditionalFormatting>
  <conditionalFormatting sqref="T11">
    <cfRule type="containsBlanks" dxfId="170" priority="221">
      <formula>LEN(TRIM(T11))=0</formula>
    </cfRule>
  </conditionalFormatting>
  <conditionalFormatting sqref="R16:S16">
    <cfRule type="containsBlanks" dxfId="169" priority="220">
      <formula>LEN(TRIM(R16))=0</formula>
    </cfRule>
  </conditionalFormatting>
  <conditionalFormatting sqref="N16:O16">
    <cfRule type="containsBlanks" dxfId="168" priority="219">
      <formula>LEN(TRIM(N16))=0</formula>
    </cfRule>
  </conditionalFormatting>
  <conditionalFormatting sqref="M16">
    <cfRule type="containsBlanks" dxfId="167" priority="217">
      <formula>LEN(TRIM(M16))=0</formula>
    </cfRule>
  </conditionalFormatting>
  <conditionalFormatting sqref="P16">
    <cfRule type="containsBlanks" dxfId="166" priority="218">
      <formula>LEN(TRIM(P16))=0</formula>
    </cfRule>
  </conditionalFormatting>
  <conditionalFormatting sqref="G16">
    <cfRule type="containsBlanks" dxfId="165" priority="216">
      <formula>LEN(TRIM(G16))=0</formula>
    </cfRule>
  </conditionalFormatting>
  <conditionalFormatting sqref="H16">
    <cfRule type="containsBlanks" dxfId="164" priority="215">
      <formula>LEN(TRIM(H16))=0</formula>
    </cfRule>
  </conditionalFormatting>
  <conditionalFormatting sqref="I16">
    <cfRule type="containsBlanks" dxfId="163" priority="214">
      <formula>LEN(TRIM(I16))=0</formula>
    </cfRule>
  </conditionalFormatting>
  <conditionalFormatting sqref="J16">
    <cfRule type="containsBlanks" dxfId="162" priority="213">
      <formula>LEN(TRIM(J16))=0</formula>
    </cfRule>
  </conditionalFormatting>
  <conditionalFormatting sqref="K16">
    <cfRule type="containsBlanks" dxfId="161" priority="212">
      <formula>LEN(TRIM(K16))=0</formula>
    </cfRule>
  </conditionalFormatting>
  <conditionalFormatting sqref="L16">
    <cfRule type="containsBlanks" dxfId="160" priority="211">
      <formula>LEN(TRIM(L16))=0</formula>
    </cfRule>
  </conditionalFormatting>
  <conditionalFormatting sqref="Q16">
    <cfRule type="containsBlanks" dxfId="159" priority="210">
      <formula>LEN(TRIM(Q16))=0</formula>
    </cfRule>
  </conditionalFormatting>
  <conditionalFormatting sqref="T16">
    <cfRule type="containsBlanks" dxfId="158" priority="209">
      <formula>LEN(TRIM(T16))=0</formula>
    </cfRule>
  </conditionalFormatting>
  <conditionalFormatting sqref="R15:S15">
    <cfRule type="containsBlanks" dxfId="157" priority="208">
      <formula>LEN(TRIM(R15))=0</formula>
    </cfRule>
  </conditionalFormatting>
  <conditionalFormatting sqref="N15:O15">
    <cfRule type="containsBlanks" dxfId="156" priority="207">
      <formula>LEN(TRIM(N15))=0</formula>
    </cfRule>
  </conditionalFormatting>
  <conditionalFormatting sqref="M15">
    <cfRule type="containsBlanks" dxfId="155" priority="205">
      <formula>LEN(TRIM(M15))=0</formula>
    </cfRule>
  </conditionalFormatting>
  <conditionalFormatting sqref="P15">
    <cfRule type="containsBlanks" dxfId="154" priority="206">
      <formula>LEN(TRIM(P15))=0</formula>
    </cfRule>
  </conditionalFormatting>
  <conditionalFormatting sqref="G15">
    <cfRule type="containsBlanks" dxfId="153" priority="204">
      <formula>LEN(TRIM(G15))=0</formula>
    </cfRule>
  </conditionalFormatting>
  <conditionalFormatting sqref="H15">
    <cfRule type="containsBlanks" dxfId="152" priority="203">
      <formula>LEN(TRIM(H15))=0</formula>
    </cfRule>
  </conditionalFormatting>
  <conditionalFormatting sqref="I15">
    <cfRule type="containsBlanks" dxfId="151" priority="202">
      <formula>LEN(TRIM(I15))=0</formula>
    </cfRule>
  </conditionalFormatting>
  <conditionalFormatting sqref="J15">
    <cfRule type="containsBlanks" dxfId="150" priority="201">
      <formula>LEN(TRIM(J15))=0</formula>
    </cfRule>
  </conditionalFormatting>
  <conditionalFormatting sqref="K15">
    <cfRule type="containsBlanks" dxfId="149" priority="200">
      <formula>LEN(TRIM(K15))=0</formula>
    </cfRule>
  </conditionalFormatting>
  <conditionalFormatting sqref="L15">
    <cfRule type="containsBlanks" dxfId="148" priority="199">
      <formula>LEN(TRIM(L15))=0</formula>
    </cfRule>
  </conditionalFormatting>
  <conditionalFormatting sqref="Q15">
    <cfRule type="containsBlanks" dxfId="147" priority="198">
      <formula>LEN(TRIM(Q15))=0</formula>
    </cfRule>
  </conditionalFormatting>
  <conditionalFormatting sqref="T15">
    <cfRule type="containsBlanks" dxfId="146" priority="197">
      <formula>LEN(TRIM(T15))=0</formula>
    </cfRule>
  </conditionalFormatting>
  <conditionalFormatting sqref="R14:S14">
    <cfRule type="containsBlanks" dxfId="145" priority="196">
      <formula>LEN(TRIM(R14))=0</formula>
    </cfRule>
  </conditionalFormatting>
  <conditionalFormatting sqref="N14:O14">
    <cfRule type="containsBlanks" dxfId="144" priority="195">
      <formula>LEN(TRIM(N14))=0</formula>
    </cfRule>
  </conditionalFormatting>
  <conditionalFormatting sqref="M14">
    <cfRule type="containsBlanks" dxfId="143" priority="193">
      <formula>LEN(TRIM(M14))=0</formula>
    </cfRule>
  </conditionalFormatting>
  <conditionalFormatting sqref="P14">
    <cfRule type="containsBlanks" dxfId="142" priority="194">
      <formula>LEN(TRIM(P14))=0</formula>
    </cfRule>
  </conditionalFormatting>
  <conditionalFormatting sqref="G14">
    <cfRule type="containsBlanks" dxfId="141" priority="192">
      <formula>LEN(TRIM(G14))=0</formula>
    </cfRule>
  </conditionalFormatting>
  <conditionalFormatting sqref="H14">
    <cfRule type="containsBlanks" dxfId="140" priority="191">
      <formula>LEN(TRIM(H14))=0</formula>
    </cfRule>
  </conditionalFormatting>
  <conditionalFormatting sqref="I14">
    <cfRule type="containsBlanks" dxfId="139" priority="190">
      <formula>LEN(TRIM(I14))=0</formula>
    </cfRule>
  </conditionalFormatting>
  <conditionalFormatting sqref="J14">
    <cfRule type="containsBlanks" dxfId="138" priority="189">
      <formula>LEN(TRIM(J14))=0</formula>
    </cfRule>
  </conditionalFormatting>
  <conditionalFormatting sqref="K14">
    <cfRule type="containsBlanks" dxfId="137" priority="188">
      <formula>LEN(TRIM(K14))=0</formula>
    </cfRule>
  </conditionalFormatting>
  <conditionalFormatting sqref="L14">
    <cfRule type="containsBlanks" dxfId="136" priority="187">
      <formula>LEN(TRIM(L14))=0</formula>
    </cfRule>
  </conditionalFormatting>
  <conditionalFormatting sqref="Q14">
    <cfRule type="containsBlanks" dxfId="135" priority="186">
      <formula>LEN(TRIM(Q14))=0</formula>
    </cfRule>
  </conditionalFormatting>
  <conditionalFormatting sqref="T14">
    <cfRule type="containsBlanks" dxfId="134" priority="185">
      <formula>LEN(TRIM(T14))=0</formula>
    </cfRule>
  </conditionalFormatting>
  <conditionalFormatting sqref="R19:S19">
    <cfRule type="containsBlanks" dxfId="133" priority="184">
      <formula>LEN(TRIM(R19))=0</formula>
    </cfRule>
  </conditionalFormatting>
  <conditionalFormatting sqref="N19:O19">
    <cfRule type="containsBlanks" dxfId="132" priority="183">
      <formula>LEN(TRIM(N19))=0</formula>
    </cfRule>
  </conditionalFormatting>
  <conditionalFormatting sqref="M19">
    <cfRule type="containsBlanks" dxfId="131" priority="181">
      <formula>LEN(TRIM(M19))=0</formula>
    </cfRule>
  </conditionalFormatting>
  <conditionalFormatting sqref="P19">
    <cfRule type="containsBlanks" dxfId="130" priority="182">
      <formula>LEN(TRIM(P19))=0</formula>
    </cfRule>
  </conditionalFormatting>
  <conditionalFormatting sqref="G19">
    <cfRule type="containsBlanks" dxfId="129" priority="180">
      <formula>LEN(TRIM(G19))=0</formula>
    </cfRule>
  </conditionalFormatting>
  <conditionalFormatting sqref="H19">
    <cfRule type="containsBlanks" dxfId="128" priority="179">
      <formula>LEN(TRIM(H19))=0</formula>
    </cfRule>
  </conditionalFormatting>
  <conditionalFormatting sqref="I19">
    <cfRule type="containsBlanks" dxfId="127" priority="178">
      <formula>LEN(TRIM(I19))=0</formula>
    </cfRule>
  </conditionalFormatting>
  <conditionalFormatting sqref="J19">
    <cfRule type="containsBlanks" dxfId="126" priority="177">
      <formula>LEN(TRIM(J19))=0</formula>
    </cfRule>
  </conditionalFormatting>
  <conditionalFormatting sqref="K19">
    <cfRule type="containsBlanks" dxfId="125" priority="176">
      <formula>LEN(TRIM(K19))=0</formula>
    </cfRule>
  </conditionalFormatting>
  <conditionalFormatting sqref="L19">
    <cfRule type="containsBlanks" dxfId="124" priority="175">
      <formula>LEN(TRIM(L19))=0</formula>
    </cfRule>
  </conditionalFormatting>
  <conditionalFormatting sqref="Q19">
    <cfRule type="containsBlanks" dxfId="123" priority="174">
      <formula>LEN(TRIM(Q19))=0</formula>
    </cfRule>
  </conditionalFormatting>
  <conditionalFormatting sqref="T19">
    <cfRule type="containsBlanks" dxfId="122" priority="173">
      <formula>LEN(TRIM(T19))=0</formula>
    </cfRule>
  </conditionalFormatting>
  <conditionalFormatting sqref="R18:S18">
    <cfRule type="containsBlanks" dxfId="121" priority="172">
      <formula>LEN(TRIM(R18))=0</formula>
    </cfRule>
  </conditionalFormatting>
  <conditionalFormatting sqref="N18:O18">
    <cfRule type="containsBlanks" dxfId="120" priority="171">
      <formula>LEN(TRIM(N18))=0</formula>
    </cfRule>
  </conditionalFormatting>
  <conditionalFormatting sqref="M18">
    <cfRule type="containsBlanks" dxfId="119" priority="169">
      <formula>LEN(TRIM(M18))=0</formula>
    </cfRule>
  </conditionalFormatting>
  <conditionalFormatting sqref="P18">
    <cfRule type="containsBlanks" dxfId="118" priority="170">
      <formula>LEN(TRIM(P18))=0</formula>
    </cfRule>
  </conditionalFormatting>
  <conditionalFormatting sqref="G18">
    <cfRule type="containsBlanks" dxfId="117" priority="168">
      <formula>LEN(TRIM(G18))=0</formula>
    </cfRule>
  </conditionalFormatting>
  <conditionalFormatting sqref="H18">
    <cfRule type="containsBlanks" dxfId="116" priority="167">
      <formula>LEN(TRIM(H18))=0</formula>
    </cfRule>
  </conditionalFormatting>
  <conditionalFormatting sqref="I18">
    <cfRule type="containsBlanks" dxfId="115" priority="166">
      <formula>LEN(TRIM(I18))=0</formula>
    </cfRule>
  </conditionalFormatting>
  <conditionalFormatting sqref="J18">
    <cfRule type="containsBlanks" dxfId="114" priority="165">
      <formula>LEN(TRIM(J18))=0</formula>
    </cfRule>
  </conditionalFormatting>
  <conditionalFormatting sqref="K18">
    <cfRule type="containsBlanks" dxfId="113" priority="164">
      <formula>LEN(TRIM(K18))=0</formula>
    </cfRule>
  </conditionalFormatting>
  <conditionalFormatting sqref="L18">
    <cfRule type="containsBlanks" dxfId="112" priority="163">
      <formula>LEN(TRIM(L18))=0</formula>
    </cfRule>
  </conditionalFormatting>
  <conditionalFormatting sqref="Q18">
    <cfRule type="containsBlanks" dxfId="111" priority="162">
      <formula>LEN(TRIM(Q18))=0</formula>
    </cfRule>
  </conditionalFormatting>
  <conditionalFormatting sqref="T18">
    <cfRule type="containsBlanks" dxfId="110" priority="161">
      <formula>LEN(TRIM(T18))=0</formula>
    </cfRule>
  </conditionalFormatting>
  <conditionalFormatting sqref="R17:S17">
    <cfRule type="containsBlanks" dxfId="109" priority="160">
      <formula>LEN(TRIM(R17))=0</formula>
    </cfRule>
  </conditionalFormatting>
  <conditionalFormatting sqref="N17:O17">
    <cfRule type="containsBlanks" dxfId="108" priority="159">
      <formula>LEN(TRIM(N17))=0</formula>
    </cfRule>
  </conditionalFormatting>
  <conditionalFormatting sqref="M17">
    <cfRule type="containsBlanks" dxfId="107" priority="157">
      <formula>LEN(TRIM(M17))=0</formula>
    </cfRule>
  </conditionalFormatting>
  <conditionalFormatting sqref="P17">
    <cfRule type="containsBlanks" dxfId="106" priority="158">
      <formula>LEN(TRIM(P17))=0</formula>
    </cfRule>
  </conditionalFormatting>
  <conditionalFormatting sqref="G17">
    <cfRule type="containsBlanks" dxfId="105" priority="156">
      <formula>LEN(TRIM(G17))=0</formula>
    </cfRule>
  </conditionalFormatting>
  <conditionalFormatting sqref="H17">
    <cfRule type="containsBlanks" dxfId="104" priority="155">
      <formula>LEN(TRIM(H17))=0</formula>
    </cfRule>
  </conditionalFormatting>
  <conditionalFormatting sqref="I17">
    <cfRule type="containsBlanks" dxfId="103" priority="154">
      <formula>LEN(TRIM(I17))=0</formula>
    </cfRule>
  </conditionalFormatting>
  <conditionalFormatting sqref="J17">
    <cfRule type="containsBlanks" dxfId="102" priority="153">
      <formula>LEN(TRIM(J17))=0</formula>
    </cfRule>
  </conditionalFormatting>
  <conditionalFormatting sqref="K17">
    <cfRule type="containsBlanks" dxfId="101" priority="152">
      <formula>LEN(TRIM(K17))=0</formula>
    </cfRule>
  </conditionalFormatting>
  <conditionalFormatting sqref="L17">
    <cfRule type="containsBlanks" dxfId="100" priority="151">
      <formula>LEN(TRIM(L17))=0</formula>
    </cfRule>
  </conditionalFormatting>
  <conditionalFormatting sqref="Q17">
    <cfRule type="containsBlanks" dxfId="99" priority="150">
      <formula>LEN(TRIM(Q17))=0</formula>
    </cfRule>
  </conditionalFormatting>
  <conditionalFormatting sqref="T17">
    <cfRule type="containsBlanks" dxfId="98" priority="149">
      <formula>LEN(TRIM(T17))=0</formula>
    </cfRule>
  </conditionalFormatting>
  <conditionalFormatting sqref="R22:S22">
    <cfRule type="containsBlanks" dxfId="97" priority="148">
      <formula>LEN(TRIM(R22))=0</formula>
    </cfRule>
  </conditionalFormatting>
  <conditionalFormatting sqref="N22:O22">
    <cfRule type="containsBlanks" dxfId="96" priority="147">
      <formula>LEN(TRIM(N22))=0</formula>
    </cfRule>
  </conditionalFormatting>
  <conditionalFormatting sqref="M22">
    <cfRule type="containsBlanks" dxfId="95" priority="145">
      <formula>LEN(TRIM(M22))=0</formula>
    </cfRule>
  </conditionalFormatting>
  <conditionalFormatting sqref="P22">
    <cfRule type="containsBlanks" dxfId="94" priority="146">
      <formula>LEN(TRIM(P22))=0</formula>
    </cfRule>
  </conditionalFormatting>
  <conditionalFormatting sqref="G22">
    <cfRule type="containsBlanks" dxfId="93" priority="144">
      <formula>LEN(TRIM(G22))=0</formula>
    </cfRule>
  </conditionalFormatting>
  <conditionalFormatting sqref="H22">
    <cfRule type="containsBlanks" dxfId="92" priority="143">
      <formula>LEN(TRIM(H22))=0</formula>
    </cfRule>
  </conditionalFormatting>
  <conditionalFormatting sqref="I22">
    <cfRule type="containsBlanks" dxfId="91" priority="142">
      <formula>LEN(TRIM(I22))=0</formula>
    </cfRule>
  </conditionalFormatting>
  <conditionalFormatting sqref="J22">
    <cfRule type="containsBlanks" dxfId="90" priority="141">
      <formula>LEN(TRIM(J22))=0</formula>
    </cfRule>
  </conditionalFormatting>
  <conditionalFormatting sqref="K22">
    <cfRule type="containsBlanks" dxfId="89" priority="140">
      <formula>LEN(TRIM(K22))=0</formula>
    </cfRule>
  </conditionalFormatting>
  <conditionalFormatting sqref="L22">
    <cfRule type="containsBlanks" dxfId="88" priority="139">
      <formula>LEN(TRIM(L22))=0</formula>
    </cfRule>
  </conditionalFormatting>
  <conditionalFormatting sqref="Q22">
    <cfRule type="containsBlanks" dxfId="87" priority="138">
      <formula>LEN(TRIM(Q22))=0</formula>
    </cfRule>
  </conditionalFormatting>
  <conditionalFormatting sqref="T22">
    <cfRule type="containsBlanks" dxfId="86" priority="137">
      <formula>LEN(TRIM(T22))=0</formula>
    </cfRule>
  </conditionalFormatting>
  <conditionalFormatting sqref="R21:S21">
    <cfRule type="containsBlanks" dxfId="85" priority="136">
      <formula>LEN(TRIM(R21))=0</formula>
    </cfRule>
  </conditionalFormatting>
  <conditionalFormatting sqref="N21:O21">
    <cfRule type="containsBlanks" dxfId="84" priority="135">
      <formula>LEN(TRIM(N21))=0</formula>
    </cfRule>
  </conditionalFormatting>
  <conditionalFormatting sqref="M21">
    <cfRule type="containsBlanks" dxfId="83" priority="133">
      <formula>LEN(TRIM(M21))=0</formula>
    </cfRule>
  </conditionalFormatting>
  <conditionalFormatting sqref="P21">
    <cfRule type="containsBlanks" dxfId="82" priority="134">
      <formula>LEN(TRIM(P21))=0</formula>
    </cfRule>
  </conditionalFormatting>
  <conditionalFormatting sqref="G21">
    <cfRule type="containsBlanks" dxfId="81" priority="132">
      <formula>LEN(TRIM(G21))=0</formula>
    </cfRule>
  </conditionalFormatting>
  <conditionalFormatting sqref="H21">
    <cfRule type="containsBlanks" dxfId="80" priority="131">
      <formula>LEN(TRIM(H21))=0</formula>
    </cfRule>
  </conditionalFormatting>
  <conditionalFormatting sqref="I21">
    <cfRule type="containsBlanks" dxfId="79" priority="130">
      <formula>LEN(TRIM(I21))=0</formula>
    </cfRule>
  </conditionalFormatting>
  <conditionalFormatting sqref="J21">
    <cfRule type="containsBlanks" dxfId="78" priority="129">
      <formula>LEN(TRIM(J21))=0</formula>
    </cfRule>
  </conditionalFormatting>
  <conditionalFormatting sqref="K21">
    <cfRule type="containsBlanks" dxfId="77" priority="128">
      <formula>LEN(TRIM(K21))=0</formula>
    </cfRule>
  </conditionalFormatting>
  <conditionalFormatting sqref="L21">
    <cfRule type="containsBlanks" dxfId="76" priority="127">
      <formula>LEN(TRIM(L21))=0</formula>
    </cfRule>
  </conditionalFormatting>
  <conditionalFormatting sqref="Q21">
    <cfRule type="containsBlanks" dxfId="75" priority="126">
      <formula>LEN(TRIM(Q21))=0</formula>
    </cfRule>
  </conditionalFormatting>
  <conditionalFormatting sqref="T21">
    <cfRule type="containsBlanks" dxfId="74" priority="125">
      <formula>LEN(TRIM(T21))=0</formula>
    </cfRule>
  </conditionalFormatting>
  <conditionalFormatting sqref="R20:S20">
    <cfRule type="containsBlanks" dxfId="73" priority="124">
      <formula>LEN(TRIM(R20))=0</formula>
    </cfRule>
  </conditionalFormatting>
  <conditionalFormatting sqref="N20:O20">
    <cfRule type="containsBlanks" dxfId="72" priority="123">
      <formula>LEN(TRIM(N20))=0</formula>
    </cfRule>
  </conditionalFormatting>
  <conditionalFormatting sqref="M20">
    <cfRule type="containsBlanks" dxfId="71" priority="121">
      <formula>LEN(TRIM(M20))=0</formula>
    </cfRule>
  </conditionalFormatting>
  <conditionalFormatting sqref="P20">
    <cfRule type="containsBlanks" dxfId="70" priority="122">
      <formula>LEN(TRIM(P20))=0</formula>
    </cfRule>
  </conditionalFormatting>
  <conditionalFormatting sqref="G20">
    <cfRule type="containsBlanks" dxfId="69" priority="120">
      <formula>LEN(TRIM(G20))=0</formula>
    </cfRule>
  </conditionalFormatting>
  <conditionalFormatting sqref="H20">
    <cfRule type="containsBlanks" dxfId="68" priority="119">
      <formula>LEN(TRIM(H20))=0</formula>
    </cfRule>
  </conditionalFormatting>
  <conditionalFormatting sqref="I20">
    <cfRule type="containsBlanks" dxfId="67" priority="118">
      <formula>LEN(TRIM(I20))=0</formula>
    </cfRule>
  </conditionalFormatting>
  <conditionalFormatting sqref="J20">
    <cfRule type="containsBlanks" dxfId="66" priority="117">
      <formula>LEN(TRIM(J20))=0</formula>
    </cfRule>
  </conditionalFormatting>
  <conditionalFormatting sqref="K20">
    <cfRule type="containsBlanks" dxfId="65" priority="116">
      <formula>LEN(TRIM(K20))=0</formula>
    </cfRule>
  </conditionalFormatting>
  <conditionalFormatting sqref="L20">
    <cfRule type="containsBlanks" dxfId="64" priority="115">
      <formula>LEN(TRIM(L20))=0</formula>
    </cfRule>
  </conditionalFormatting>
  <conditionalFormatting sqref="Q20">
    <cfRule type="containsBlanks" dxfId="63" priority="114">
      <formula>LEN(TRIM(Q20))=0</formula>
    </cfRule>
  </conditionalFormatting>
  <conditionalFormatting sqref="T20">
    <cfRule type="containsBlanks" dxfId="62" priority="113">
      <formula>LEN(TRIM(T20))=0</formula>
    </cfRule>
  </conditionalFormatting>
  <conditionalFormatting sqref="R25:S25">
    <cfRule type="containsBlanks" dxfId="61" priority="112">
      <formula>LEN(TRIM(R25))=0</formula>
    </cfRule>
  </conditionalFormatting>
  <conditionalFormatting sqref="N25:O25">
    <cfRule type="containsBlanks" dxfId="60" priority="111">
      <formula>LEN(TRIM(N25))=0</formula>
    </cfRule>
  </conditionalFormatting>
  <conditionalFormatting sqref="M25">
    <cfRule type="containsBlanks" dxfId="59" priority="109">
      <formula>LEN(TRIM(M25))=0</formula>
    </cfRule>
  </conditionalFormatting>
  <conditionalFormatting sqref="P25">
    <cfRule type="containsBlanks" dxfId="58" priority="110">
      <formula>LEN(TRIM(P25))=0</formula>
    </cfRule>
  </conditionalFormatting>
  <conditionalFormatting sqref="G25">
    <cfRule type="containsBlanks" dxfId="57" priority="108">
      <formula>LEN(TRIM(G25))=0</formula>
    </cfRule>
  </conditionalFormatting>
  <conditionalFormatting sqref="H25">
    <cfRule type="containsBlanks" dxfId="56" priority="107">
      <formula>LEN(TRIM(H25))=0</formula>
    </cfRule>
  </conditionalFormatting>
  <conditionalFormatting sqref="I25">
    <cfRule type="containsBlanks" dxfId="55" priority="106">
      <formula>LEN(TRIM(I25))=0</formula>
    </cfRule>
  </conditionalFormatting>
  <conditionalFormatting sqref="J25">
    <cfRule type="containsBlanks" dxfId="54" priority="105">
      <formula>LEN(TRIM(J25))=0</formula>
    </cfRule>
  </conditionalFormatting>
  <conditionalFormatting sqref="K25">
    <cfRule type="containsBlanks" dxfId="53" priority="104">
      <formula>LEN(TRIM(K25))=0</formula>
    </cfRule>
  </conditionalFormatting>
  <conditionalFormatting sqref="L25">
    <cfRule type="containsBlanks" dxfId="52" priority="103">
      <formula>LEN(TRIM(L25))=0</formula>
    </cfRule>
  </conditionalFormatting>
  <conditionalFormatting sqref="Q25">
    <cfRule type="containsBlanks" dxfId="51" priority="102">
      <formula>LEN(TRIM(Q25))=0</formula>
    </cfRule>
  </conditionalFormatting>
  <conditionalFormatting sqref="T25">
    <cfRule type="containsBlanks" dxfId="50" priority="101">
      <formula>LEN(TRIM(T25))=0</formula>
    </cfRule>
  </conditionalFormatting>
  <conditionalFormatting sqref="R24:S24">
    <cfRule type="containsBlanks" dxfId="49" priority="100">
      <formula>LEN(TRIM(R24))=0</formula>
    </cfRule>
  </conditionalFormatting>
  <conditionalFormatting sqref="N24:O24">
    <cfRule type="containsBlanks" dxfId="48" priority="99">
      <formula>LEN(TRIM(N24))=0</formula>
    </cfRule>
  </conditionalFormatting>
  <conditionalFormatting sqref="M24">
    <cfRule type="containsBlanks" dxfId="47" priority="97">
      <formula>LEN(TRIM(M24))=0</formula>
    </cfRule>
  </conditionalFormatting>
  <conditionalFormatting sqref="P24">
    <cfRule type="containsBlanks" dxfId="46" priority="98">
      <formula>LEN(TRIM(P24))=0</formula>
    </cfRule>
  </conditionalFormatting>
  <conditionalFormatting sqref="G24">
    <cfRule type="containsBlanks" dxfId="45" priority="96">
      <formula>LEN(TRIM(G24))=0</formula>
    </cfRule>
  </conditionalFormatting>
  <conditionalFormatting sqref="H24">
    <cfRule type="containsBlanks" dxfId="44" priority="95">
      <formula>LEN(TRIM(H24))=0</formula>
    </cfRule>
  </conditionalFormatting>
  <conditionalFormatting sqref="I24">
    <cfRule type="containsBlanks" dxfId="43" priority="94">
      <formula>LEN(TRIM(I24))=0</formula>
    </cfRule>
  </conditionalFormatting>
  <conditionalFormatting sqref="J24">
    <cfRule type="containsBlanks" dxfId="42" priority="93">
      <formula>LEN(TRIM(J24))=0</formula>
    </cfRule>
  </conditionalFormatting>
  <conditionalFormatting sqref="K24">
    <cfRule type="containsBlanks" dxfId="41" priority="92">
      <formula>LEN(TRIM(K24))=0</formula>
    </cfRule>
  </conditionalFormatting>
  <conditionalFormatting sqref="L24">
    <cfRule type="containsBlanks" dxfId="40" priority="91">
      <formula>LEN(TRIM(L24))=0</formula>
    </cfRule>
  </conditionalFormatting>
  <conditionalFormatting sqref="Q24">
    <cfRule type="containsBlanks" dxfId="39" priority="90">
      <formula>LEN(TRIM(Q24))=0</formula>
    </cfRule>
  </conditionalFormatting>
  <conditionalFormatting sqref="T24">
    <cfRule type="containsBlanks" dxfId="38" priority="89">
      <formula>LEN(TRIM(T24))=0</formula>
    </cfRule>
  </conditionalFormatting>
  <conditionalFormatting sqref="R23:S23">
    <cfRule type="containsBlanks" dxfId="37" priority="88">
      <formula>LEN(TRIM(R23))=0</formula>
    </cfRule>
  </conditionalFormatting>
  <conditionalFormatting sqref="N23:O23">
    <cfRule type="containsBlanks" dxfId="36" priority="87">
      <formula>LEN(TRIM(N23))=0</formula>
    </cfRule>
  </conditionalFormatting>
  <conditionalFormatting sqref="M23">
    <cfRule type="containsBlanks" dxfId="35" priority="85">
      <formula>LEN(TRIM(M23))=0</formula>
    </cfRule>
  </conditionalFormatting>
  <conditionalFormatting sqref="P23">
    <cfRule type="containsBlanks" dxfId="34" priority="86">
      <formula>LEN(TRIM(P23))=0</formula>
    </cfRule>
  </conditionalFormatting>
  <conditionalFormatting sqref="G23">
    <cfRule type="containsBlanks" dxfId="33" priority="84">
      <formula>LEN(TRIM(G23))=0</formula>
    </cfRule>
  </conditionalFormatting>
  <conditionalFormatting sqref="H23">
    <cfRule type="containsBlanks" dxfId="32" priority="83">
      <formula>LEN(TRIM(H23))=0</formula>
    </cfRule>
  </conditionalFormatting>
  <conditionalFormatting sqref="I23">
    <cfRule type="containsBlanks" dxfId="31" priority="82">
      <formula>LEN(TRIM(I23))=0</formula>
    </cfRule>
  </conditionalFormatting>
  <conditionalFormatting sqref="J23">
    <cfRule type="containsBlanks" dxfId="30" priority="81">
      <formula>LEN(TRIM(J23))=0</formula>
    </cfRule>
  </conditionalFormatting>
  <conditionalFormatting sqref="K23">
    <cfRule type="containsBlanks" dxfId="29" priority="80">
      <formula>LEN(TRIM(K23))=0</formula>
    </cfRule>
  </conditionalFormatting>
  <conditionalFormatting sqref="L23">
    <cfRule type="containsBlanks" dxfId="28" priority="79">
      <formula>LEN(TRIM(L23))=0</formula>
    </cfRule>
  </conditionalFormatting>
  <conditionalFormatting sqref="Q23">
    <cfRule type="containsBlanks" dxfId="27" priority="78">
      <formula>LEN(TRIM(Q23))=0</formula>
    </cfRule>
  </conditionalFormatting>
  <conditionalFormatting sqref="T23">
    <cfRule type="containsBlanks" dxfId="26" priority="77">
      <formula>LEN(TRIM(T23))=0</formula>
    </cfRule>
  </conditionalFormatting>
  <conditionalFormatting sqref="R27:S27">
    <cfRule type="containsBlanks" dxfId="25" priority="64">
      <formula>LEN(TRIM(R27))=0</formula>
    </cfRule>
  </conditionalFormatting>
  <conditionalFormatting sqref="N27:O27">
    <cfRule type="containsBlanks" dxfId="24" priority="63">
      <formula>LEN(TRIM(N27))=0</formula>
    </cfRule>
  </conditionalFormatting>
  <conditionalFormatting sqref="M27">
    <cfRule type="containsBlanks" dxfId="23" priority="61">
      <formula>LEN(TRIM(M27))=0</formula>
    </cfRule>
  </conditionalFormatting>
  <conditionalFormatting sqref="P27">
    <cfRule type="containsBlanks" dxfId="22" priority="62">
      <formula>LEN(TRIM(P27))=0</formula>
    </cfRule>
  </conditionalFormatting>
  <conditionalFormatting sqref="G27">
    <cfRule type="containsBlanks" dxfId="21" priority="60">
      <formula>LEN(TRIM(G27))=0</formula>
    </cfRule>
  </conditionalFormatting>
  <conditionalFormatting sqref="H27">
    <cfRule type="containsBlanks" dxfId="20" priority="59">
      <formula>LEN(TRIM(H27))=0</formula>
    </cfRule>
  </conditionalFormatting>
  <conditionalFormatting sqref="I27">
    <cfRule type="containsBlanks" dxfId="19" priority="58">
      <formula>LEN(TRIM(I27))=0</formula>
    </cfRule>
  </conditionalFormatting>
  <conditionalFormatting sqref="J27">
    <cfRule type="containsBlanks" dxfId="18" priority="57">
      <formula>LEN(TRIM(J27))=0</formula>
    </cfRule>
  </conditionalFormatting>
  <conditionalFormatting sqref="K27">
    <cfRule type="containsBlanks" dxfId="17" priority="56">
      <formula>LEN(TRIM(K27))=0</formula>
    </cfRule>
  </conditionalFormatting>
  <conditionalFormatting sqref="L27">
    <cfRule type="containsBlanks" dxfId="16" priority="55">
      <formula>LEN(TRIM(L27))=0</formula>
    </cfRule>
  </conditionalFormatting>
  <conditionalFormatting sqref="Q27">
    <cfRule type="containsBlanks" dxfId="15" priority="54">
      <formula>LEN(TRIM(Q27))=0</formula>
    </cfRule>
  </conditionalFormatting>
  <conditionalFormatting sqref="T27">
    <cfRule type="containsBlanks" dxfId="14" priority="53">
      <formula>LEN(TRIM(T27))=0</formula>
    </cfRule>
  </conditionalFormatting>
  <conditionalFormatting sqref="R26:S26">
    <cfRule type="containsBlanks" dxfId="13" priority="52">
      <formula>LEN(TRIM(R26))=0</formula>
    </cfRule>
  </conditionalFormatting>
  <conditionalFormatting sqref="N26:O26">
    <cfRule type="containsBlanks" dxfId="12" priority="51">
      <formula>LEN(TRIM(N26))=0</formula>
    </cfRule>
  </conditionalFormatting>
  <conditionalFormatting sqref="M26">
    <cfRule type="containsBlanks" dxfId="11" priority="49">
      <formula>LEN(TRIM(M26))=0</formula>
    </cfRule>
  </conditionalFormatting>
  <conditionalFormatting sqref="P26">
    <cfRule type="containsBlanks" dxfId="10" priority="50">
      <formula>LEN(TRIM(P26))=0</formula>
    </cfRule>
  </conditionalFormatting>
  <conditionalFormatting sqref="G26">
    <cfRule type="containsBlanks" dxfId="9" priority="48">
      <formula>LEN(TRIM(G26))=0</formula>
    </cfRule>
  </conditionalFormatting>
  <conditionalFormatting sqref="H26">
    <cfRule type="containsBlanks" dxfId="8" priority="47">
      <formula>LEN(TRIM(H26))=0</formula>
    </cfRule>
  </conditionalFormatting>
  <conditionalFormatting sqref="I26">
    <cfRule type="containsBlanks" dxfId="7" priority="46">
      <formula>LEN(TRIM(I26))=0</formula>
    </cfRule>
  </conditionalFormatting>
  <conditionalFormatting sqref="J26">
    <cfRule type="containsBlanks" dxfId="6" priority="45">
      <formula>LEN(TRIM(J26))=0</formula>
    </cfRule>
  </conditionalFormatting>
  <conditionalFormatting sqref="K26">
    <cfRule type="containsBlanks" dxfId="5" priority="44">
      <formula>LEN(TRIM(K26))=0</formula>
    </cfRule>
  </conditionalFormatting>
  <conditionalFormatting sqref="L26">
    <cfRule type="containsBlanks" dxfId="4" priority="43">
      <formula>LEN(TRIM(L26))=0</formula>
    </cfRule>
  </conditionalFormatting>
  <conditionalFormatting sqref="Q26">
    <cfRule type="containsBlanks" dxfId="3" priority="42">
      <formula>LEN(TRIM(Q26))=0</formula>
    </cfRule>
  </conditionalFormatting>
  <conditionalFormatting sqref="T26">
    <cfRule type="containsBlanks" dxfId="2" priority="41">
      <formula>LEN(TRIM(T26))=0</formula>
    </cfRule>
  </conditionalFormatting>
  <conditionalFormatting sqref="R28">
    <cfRule type="containsBlanks" dxfId="1" priority="2">
      <formula>LEN(TRIM(R28))=0</formula>
    </cfRule>
  </conditionalFormatting>
  <conditionalFormatting sqref="T28">
    <cfRule type="containsBlanks" dxfId="0" priority="1">
      <formula>LEN(TRIM(T28))=0</formula>
    </cfRule>
  </conditionalFormatting>
  <pageMargins left="0.25" right="0.25" top="0.75" bottom="0.75" header="0.3" footer="0.3"/>
  <pageSetup paperSize="9" scale="58" fitToHeight="0" orientation="landscape" r:id="rId1"/>
  <headerFooter>
    <oddHeader>&amp;C&amp;"Arial,Normálne"&amp;16CENOVÁ PONUKA&amp;11
&amp;14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 - Kalkulácia ceny</vt:lpstr>
      <vt:lpstr>'Príloha č. 1 - 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5-04-07T11:52:22Z</cp:lastPrinted>
  <dcterms:created xsi:type="dcterms:W3CDTF">2017-04-21T05:51:15Z</dcterms:created>
  <dcterms:modified xsi:type="dcterms:W3CDTF">2025-04-07T11:52:58Z</dcterms:modified>
</cp:coreProperties>
</file>